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832" r:id="rId2"/>
    <p:sldId id="277" r:id="rId3"/>
    <p:sldId id="845" r:id="rId4"/>
    <p:sldId id="834" r:id="rId5"/>
    <p:sldId id="301" r:id="rId6"/>
    <p:sldId id="839" r:id="rId7"/>
    <p:sldId id="300" r:id="rId8"/>
    <p:sldId id="838" r:id="rId9"/>
    <p:sldId id="835" r:id="rId10"/>
    <p:sldId id="302" r:id="rId11"/>
    <p:sldId id="294" r:id="rId12"/>
    <p:sldId id="842" r:id="rId13"/>
    <p:sldId id="296" r:id="rId14"/>
    <p:sldId id="836" r:id="rId15"/>
    <p:sldId id="846" r:id="rId16"/>
    <p:sldId id="841" r:id="rId17"/>
    <p:sldId id="297" r:id="rId18"/>
    <p:sldId id="295" r:id="rId19"/>
    <p:sldId id="299" r:id="rId20"/>
    <p:sldId id="844" r:id="rId21"/>
  </p:sldIdLst>
  <p:sldSz cx="12188825" cy="6858000"/>
  <p:notesSz cx="6858000" cy="9144000"/>
  <p:defaultTextStyle>
    <a:defPPr>
      <a:defRPr lang="en-US"/>
    </a:defPPr>
    <a:lvl1pPr marL="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66666"/>
    <a:srgbClr val="00BC82"/>
    <a:srgbClr val="00DE99"/>
    <a:srgbClr val="009969"/>
    <a:srgbClr val="E8E8E8"/>
    <a:srgbClr val="E0E0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046"/>
    <p:restoredTop sz="95263" autoAdjust="0"/>
  </p:normalViewPr>
  <p:slideViewPr>
    <p:cSldViewPr>
      <p:cViewPr>
        <p:scale>
          <a:sx n="73" d="100"/>
          <a:sy n="73" d="100"/>
        </p:scale>
        <p:origin x="60" y="-116"/>
      </p:cViewPr>
      <p:guideLst>
        <p:guide orient="horz" pos="2160"/>
        <p:guide pos="3839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howGuides="1">
      <p:cViewPr varScale="1">
        <p:scale>
          <a:sx n="94" d="100"/>
          <a:sy n="94" d="100"/>
        </p:scale>
        <p:origin x="3464" y="18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4038E17B-8F05-2144-A682-51E07DA98C4C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F840CD3-D74D-AB43-BE2C-8534002DA197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9420EBF-A4BB-1140-8C63-DA57E57A17C8}" type="datetimeFigureOut">
              <a:rPr lang="en-US" smtClean="0"/>
              <a:t>10/2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A1DBF82-8B12-264C-8FDA-40A436A35C87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B057D18-4BB2-D645-BEA1-04021968822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4C9DB0C-E571-A54E-9409-76BF0FFE9CE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172586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AB488F7-1FAC-40D2-BB7E-BA3CE28D8950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A2D21D1-52E2-420B-B491-CFF6D7BB79F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947869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IN" dirty="0"/>
              <a:t>Image source:-</a:t>
            </a:r>
          </a:p>
          <a:p>
            <a:r>
              <a:rPr lang="en-IN" dirty="0"/>
              <a:t>https://pixabay.com/en/technology-industry-big-data-cpu-3092486/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A2D21D1-52E2-420B-B491-CFF6D7BB79FB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16577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re built bots optimized for student usag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A2D21D1-52E2-420B-B491-CFF6D7BB79FB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252806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magine Discover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A2D21D1-52E2-420B-B491-CFF6D7BB79FB}" type="slidenum">
              <a:rPr lang="en-US" smtClean="0"/>
              <a:pPr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510668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8745AF1-587F-47CC-9064-09FF7F1240E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8825" cy="6858000"/>
          </a:xfrm>
        </p:spPr>
        <p:txBody>
          <a:bodyPr anchor="ctr"/>
          <a:lstStyle>
            <a:lvl1pPr marL="0" indent="0" algn="ctr">
              <a:buFontTx/>
              <a:buNone/>
              <a:defRPr>
                <a:latin typeface="Museo Sans 500" panose="02000000000000000000" pitchFamily="2" charset="77"/>
              </a:defRPr>
            </a:lvl1pPr>
          </a:lstStyle>
          <a:p>
            <a:r>
              <a:rPr lang="en-US"/>
              <a:t>Click icon to add picture</a:t>
            </a:r>
            <a:endParaRPr lang="en-IN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162" y="4194720"/>
            <a:ext cx="10360501" cy="610820"/>
          </a:xfrm>
        </p:spPr>
        <p:txBody>
          <a:bodyPr>
            <a:noAutofit/>
          </a:bodyPr>
          <a:lstStyle>
            <a:lvl1pPr algn="ctr">
              <a:defRPr lang="en-US" sz="6600" b="1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Museo Sans 500" panose="02000000000000000000" pitchFamily="2" charset="77"/>
                <a:ea typeface="Museo Sans 500" panose="02000000000000000000" pitchFamily="2" charset="77"/>
                <a:cs typeface="Museo Sans 500" panose="02000000000000000000" pitchFamily="2" charset="77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02435" y="4752792"/>
            <a:ext cx="10383954" cy="764440"/>
          </a:xfrm>
        </p:spPr>
        <p:txBody>
          <a:bodyPr>
            <a:normAutofit/>
          </a:bodyPr>
          <a:lstStyle>
            <a:lvl1pPr marL="0" indent="0" algn="ctr">
              <a:buNone/>
              <a:defRPr lang="en-US" sz="2400" kern="1200" smtClean="0">
                <a:solidFill>
                  <a:schemeClr val="tx1">
                    <a:lumMod val="65000"/>
                    <a:lumOff val="35000"/>
                  </a:schemeClr>
                </a:solidFill>
                <a:latin typeface="Museo Sans 500" panose="02000000000000000000" pitchFamily="2" charset="77"/>
                <a:ea typeface="Museo Sans 500" panose="02000000000000000000" pitchFamily="2" charset="77"/>
                <a:cs typeface="Museo Sans 500" panose="02000000000000000000" pitchFamily="2" charset="77"/>
              </a:defRPr>
            </a:lvl1pPr>
            <a:lvl2pPr marL="6094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9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4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8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3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80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27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74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9578D6DB-6798-42D2-B9AD-FC6F1C72FC30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E5EDE275-BE14-4364-AEA2-5F5667C0FD4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1541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 sz="3600">
                <a:latin typeface="Museo Sans 500" panose="02000000000000000000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062964" y="359888"/>
            <a:ext cx="516420" cy="522110"/>
          </a:xfrm>
        </p:spPr>
        <p:txBody>
          <a:bodyPr lIns="0" tIns="0" rIns="0" bIns="0" anchor="ctr" anchorCtr="1"/>
          <a:lstStyle>
            <a:lvl1pPr>
              <a:defRPr sz="1300">
                <a:solidFill>
                  <a:schemeClr val="bg1"/>
                </a:solidFill>
                <a:latin typeface="Museo Sans 500" panose="02000000000000000000" pitchFamily="2" charset="77"/>
                <a:ea typeface="Museo Sans 500" panose="02000000000000000000" pitchFamily="2" charset="77"/>
                <a:cs typeface="Museo Sans 500" panose="02000000000000000000" pitchFamily="2" charset="77"/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3" name="Picture Placeholder 32">
            <a:extLst>
              <a:ext uri="{FF2B5EF4-FFF2-40B4-BE49-F238E27FC236}">
                <a16:creationId xmlns:a16="http://schemas.microsoft.com/office/drawing/2014/main" id="{89D12C68-5B89-4EDB-A2B3-7F8A32E8939D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1069997" y="1699355"/>
            <a:ext cx="4064282" cy="3870274"/>
          </a:xfrm>
          <a:custGeom>
            <a:avLst/>
            <a:gdLst>
              <a:gd name="connsiteX0" fmla="*/ 1196196 w 4064282"/>
              <a:gd name="connsiteY0" fmla="*/ 347059 h 3870274"/>
              <a:gd name="connsiteX1" fmla="*/ 2392391 w 4064282"/>
              <a:gd name="connsiteY1" fmla="*/ 1543254 h 3870274"/>
              <a:gd name="connsiteX2" fmla="*/ 2019056 w 4064282"/>
              <a:gd name="connsiteY2" fmla="*/ 1916589 h 3870274"/>
              <a:gd name="connsiteX3" fmla="*/ 2064605 w 4064282"/>
              <a:gd name="connsiteY3" fmla="*/ 1962138 h 3870274"/>
              <a:gd name="connsiteX4" fmla="*/ 2868087 w 4064282"/>
              <a:gd name="connsiteY4" fmla="*/ 1158656 h 3870274"/>
              <a:gd name="connsiteX5" fmla="*/ 4064282 w 4064282"/>
              <a:gd name="connsiteY5" fmla="*/ 2354851 h 3870274"/>
              <a:gd name="connsiteX6" fmla="*/ 2868087 w 4064282"/>
              <a:gd name="connsiteY6" fmla="*/ 3551045 h 3870274"/>
              <a:gd name="connsiteX7" fmla="*/ 2383834 w 4064282"/>
              <a:gd name="connsiteY7" fmla="*/ 3066793 h 3870274"/>
              <a:gd name="connsiteX8" fmla="*/ 1580352 w 4064282"/>
              <a:gd name="connsiteY8" fmla="*/ 3870274 h 3870274"/>
              <a:gd name="connsiteX9" fmla="*/ 384156 w 4064282"/>
              <a:gd name="connsiteY9" fmla="*/ 2674080 h 3870274"/>
              <a:gd name="connsiteX10" fmla="*/ 757492 w 4064282"/>
              <a:gd name="connsiteY10" fmla="*/ 2300745 h 3870274"/>
              <a:gd name="connsiteX11" fmla="*/ 0 w 4064282"/>
              <a:gd name="connsiteY11" fmla="*/ 1543254 h 3870274"/>
              <a:gd name="connsiteX12" fmla="*/ 2443501 w 4064282"/>
              <a:gd name="connsiteY12" fmla="*/ 0 h 3870274"/>
              <a:gd name="connsiteX13" fmla="*/ 3197460 w 4064282"/>
              <a:gd name="connsiteY13" fmla="*/ 753959 h 3870274"/>
              <a:gd name="connsiteX14" fmla="*/ 2443501 w 4064282"/>
              <a:gd name="connsiteY14" fmla="*/ 1507917 h 3870274"/>
              <a:gd name="connsiteX15" fmla="*/ 1689542 w 4064282"/>
              <a:gd name="connsiteY15" fmla="*/ 753959 h 38702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4064282" h="3870274">
                <a:moveTo>
                  <a:pt x="1196196" y="347059"/>
                </a:moveTo>
                <a:lnTo>
                  <a:pt x="2392391" y="1543254"/>
                </a:lnTo>
                <a:lnTo>
                  <a:pt x="2019056" y="1916589"/>
                </a:lnTo>
                <a:lnTo>
                  <a:pt x="2064605" y="1962138"/>
                </a:lnTo>
                <a:lnTo>
                  <a:pt x="2868087" y="1158656"/>
                </a:lnTo>
                <a:lnTo>
                  <a:pt x="4064282" y="2354851"/>
                </a:lnTo>
                <a:lnTo>
                  <a:pt x="2868087" y="3551045"/>
                </a:lnTo>
                <a:lnTo>
                  <a:pt x="2383834" y="3066793"/>
                </a:lnTo>
                <a:lnTo>
                  <a:pt x="1580352" y="3870274"/>
                </a:lnTo>
                <a:lnTo>
                  <a:pt x="384156" y="2674080"/>
                </a:lnTo>
                <a:lnTo>
                  <a:pt x="757492" y="2300745"/>
                </a:lnTo>
                <a:lnTo>
                  <a:pt x="0" y="1543254"/>
                </a:lnTo>
                <a:close/>
                <a:moveTo>
                  <a:pt x="2443501" y="0"/>
                </a:moveTo>
                <a:lnTo>
                  <a:pt x="3197460" y="753959"/>
                </a:lnTo>
                <a:lnTo>
                  <a:pt x="2443501" y="1507917"/>
                </a:lnTo>
                <a:lnTo>
                  <a:pt x="1689542" y="753959"/>
                </a:lnTo>
                <a:close/>
              </a:path>
            </a:pathLst>
          </a:custGeom>
          <a:solidFill>
            <a:schemeClr val="accent4"/>
          </a:solidFill>
        </p:spPr>
        <p:txBody>
          <a:bodyPr wrap="square" anchor="ctr">
            <a:noAutofit/>
          </a:bodyPr>
          <a:lstStyle>
            <a:lvl1pPr marL="0" indent="0" algn="ctr">
              <a:buFontTx/>
              <a:buNone/>
              <a:defRPr sz="2400">
                <a:latin typeface="Museo Sans 500" panose="02000000000000000000" pitchFamily="2" charset="77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42296724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bout u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icture Placeholder 32">
            <a:extLst>
              <a:ext uri="{FF2B5EF4-FFF2-40B4-BE49-F238E27FC236}">
                <a16:creationId xmlns:a16="http://schemas.microsoft.com/office/drawing/2014/main" id="{89D12C68-5B89-4EDB-A2B3-7F8A32E8939D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266865" y="252248"/>
            <a:ext cx="6671992" cy="6353504"/>
          </a:xfrm>
          <a:custGeom>
            <a:avLst/>
            <a:gdLst>
              <a:gd name="connsiteX0" fmla="*/ 1196196 w 4064282"/>
              <a:gd name="connsiteY0" fmla="*/ 347059 h 3870274"/>
              <a:gd name="connsiteX1" fmla="*/ 2392391 w 4064282"/>
              <a:gd name="connsiteY1" fmla="*/ 1543254 h 3870274"/>
              <a:gd name="connsiteX2" fmla="*/ 2019056 w 4064282"/>
              <a:gd name="connsiteY2" fmla="*/ 1916589 h 3870274"/>
              <a:gd name="connsiteX3" fmla="*/ 2064605 w 4064282"/>
              <a:gd name="connsiteY3" fmla="*/ 1962138 h 3870274"/>
              <a:gd name="connsiteX4" fmla="*/ 2868087 w 4064282"/>
              <a:gd name="connsiteY4" fmla="*/ 1158656 h 3870274"/>
              <a:gd name="connsiteX5" fmla="*/ 4064282 w 4064282"/>
              <a:gd name="connsiteY5" fmla="*/ 2354851 h 3870274"/>
              <a:gd name="connsiteX6" fmla="*/ 2868087 w 4064282"/>
              <a:gd name="connsiteY6" fmla="*/ 3551045 h 3870274"/>
              <a:gd name="connsiteX7" fmla="*/ 2383834 w 4064282"/>
              <a:gd name="connsiteY7" fmla="*/ 3066793 h 3870274"/>
              <a:gd name="connsiteX8" fmla="*/ 1580352 w 4064282"/>
              <a:gd name="connsiteY8" fmla="*/ 3870274 h 3870274"/>
              <a:gd name="connsiteX9" fmla="*/ 384156 w 4064282"/>
              <a:gd name="connsiteY9" fmla="*/ 2674080 h 3870274"/>
              <a:gd name="connsiteX10" fmla="*/ 757492 w 4064282"/>
              <a:gd name="connsiteY10" fmla="*/ 2300745 h 3870274"/>
              <a:gd name="connsiteX11" fmla="*/ 0 w 4064282"/>
              <a:gd name="connsiteY11" fmla="*/ 1543254 h 3870274"/>
              <a:gd name="connsiteX12" fmla="*/ 2443501 w 4064282"/>
              <a:gd name="connsiteY12" fmla="*/ 0 h 3870274"/>
              <a:gd name="connsiteX13" fmla="*/ 3197460 w 4064282"/>
              <a:gd name="connsiteY13" fmla="*/ 753959 h 3870274"/>
              <a:gd name="connsiteX14" fmla="*/ 2443501 w 4064282"/>
              <a:gd name="connsiteY14" fmla="*/ 1507917 h 3870274"/>
              <a:gd name="connsiteX15" fmla="*/ 1689542 w 4064282"/>
              <a:gd name="connsiteY15" fmla="*/ 753959 h 38702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4064282" h="3870274">
                <a:moveTo>
                  <a:pt x="1196196" y="347059"/>
                </a:moveTo>
                <a:lnTo>
                  <a:pt x="2392391" y="1543254"/>
                </a:lnTo>
                <a:lnTo>
                  <a:pt x="2019056" y="1916589"/>
                </a:lnTo>
                <a:lnTo>
                  <a:pt x="2064605" y="1962138"/>
                </a:lnTo>
                <a:lnTo>
                  <a:pt x="2868087" y="1158656"/>
                </a:lnTo>
                <a:lnTo>
                  <a:pt x="4064282" y="2354851"/>
                </a:lnTo>
                <a:lnTo>
                  <a:pt x="2868087" y="3551045"/>
                </a:lnTo>
                <a:lnTo>
                  <a:pt x="2383834" y="3066793"/>
                </a:lnTo>
                <a:lnTo>
                  <a:pt x="1580352" y="3870274"/>
                </a:lnTo>
                <a:lnTo>
                  <a:pt x="384156" y="2674080"/>
                </a:lnTo>
                <a:lnTo>
                  <a:pt x="757492" y="2300745"/>
                </a:lnTo>
                <a:lnTo>
                  <a:pt x="0" y="1543254"/>
                </a:lnTo>
                <a:close/>
                <a:moveTo>
                  <a:pt x="2443501" y="0"/>
                </a:moveTo>
                <a:lnTo>
                  <a:pt x="3197460" y="753959"/>
                </a:lnTo>
                <a:lnTo>
                  <a:pt x="2443501" y="1507917"/>
                </a:lnTo>
                <a:lnTo>
                  <a:pt x="1689542" y="753959"/>
                </a:lnTo>
                <a:close/>
              </a:path>
            </a:pathLst>
          </a:custGeom>
          <a:solidFill>
            <a:schemeClr val="accent4"/>
          </a:solidFill>
        </p:spPr>
        <p:txBody>
          <a:bodyPr wrap="square" anchor="ctr">
            <a:noAutofit/>
          </a:bodyPr>
          <a:lstStyle>
            <a:lvl1pPr marL="0" indent="0" algn="ctr">
              <a:buFontTx/>
              <a:buNone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IN" dirty="0"/>
          </a:p>
        </p:txBody>
      </p:sp>
      <p:sp>
        <p:nvSpPr>
          <p:cNvPr id="14" name="Slide Number Placeholder 4">
            <a:extLst>
              <a:ext uri="{FF2B5EF4-FFF2-40B4-BE49-F238E27FC236}">
                <a16:creationId xmlns:a16="http://schemas.microsoft.com/office/drawing/2014/main" id="{A08C02D2-8AAA-4067-901C-B8CE80A50F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062964" y="359888"/>
            <a:ext cx="516420" cy="522110"/>
          </a:xfrm>
        </p:spPr>
        <p:txBody>
          <a:bodyPr lIns="0" tIns="0" rIns="0" bIns="0" anchor="ctr" anchorCtr="1"/>
          <a:lstStyle>
            <a:lvl1pPr>
              <a:defRPr sz="1300">
                <a:solidFill>
                  <a:schemeClr val="bg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2754053"/>
      </p:ext>
    </p:extLst>
  </p:cSld>
  <p:clrMapOvr>
    <a:masterClrMapping/>
  </p:clrMapOvr>
  <p:hf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E9A60F6A-F2C1-4D58-BB6D-2E01DCE1E5AA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8825" cy="6857999"/>
          </a:xfrm>
        </p:spPr>
        <p:txBody>
          <a:bodyPr anchor="ctr"/>
          <a:lstStyle>
            <a:lvl1pPr marL="0" indent="0" algn="ctr">
              <a:buFontTx/>
              <a:buNone/>
              <a:defRPr/>
            </a:lvl1pPr>
          </a:lstStyle>
          <a:p>
            <a:r>
              <a:rPr lang="en-US"/>
              <a:t>Click icon to add picture</a:t>
            </a:r>
            <a:endParaRPr lang="en-IN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8375175-94C9-4D06-9717-D72E1703EF41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09836" y="3789040"/>
            <a:ext cx="6268995" cy="1007567"/>
          </a:xfrm>
        </p:spPr>
        <p:txBody>
          <a:bodyPr anchor="b">
            <a:noAutofit/>
          </a:bodyPr>
          <a:lstStyle>
            <a:lvl1pPr marL="0" indent="0" algn="l">
              <a:buNone/>
              <a:defRPr sz="6000" b="1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pPr lvl="0"/>
            <a:r>
              <a:rPr lang="en-US" dirty="0"/>
              <a:t>Edit Master Text Styles</a:t>
            </a:r>
            <a:endParaRPr lang="en-IN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3CA56485-A34A-4468-9450-A8C680886FD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909638" y="4797177"/>
            <a:ext cx="6264275" cy="1368127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609494" indent="0">
              <a:buFontTx/>
              <a:buNone/>
              <a:defRPr/>
            </a:lvl2pPr>
            <a:lvl3pPr marL="1218986" indent="0">
              <a:buFontTx/>
              <a:buNone/>
              <a:defRPr/>
            </a:lvl3pPr>
            <a:lvl4pPr marL="1828480" indent="0">
              <a:buFontTx/>
              <a:buNone/>
              <a:defRPr/>
            </a:lvl4pPr>
            <a:lvl5pPr marL="2437973" indent="0">
              <a:buFontTx/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74026074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bg>
      <p:bgPr>
        <a:solidFill>
          <a:schemeClr val="tx1">
            <a:lumMod val="85000"/>
            <a:lumOff val="1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98743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124942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96FFA150-3A7A-4D6C-B6E1-743DE95362C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094411" y="0"/>
            <a:ext cx="6111195" cy="6860105"/>
          </a:xfrm>
          <a:custGeom>
            <a:avLst/>
            <a:gdLst>
              <a:gd name="connsiteX0" fmla="*/ 0 w 9535674"/>
              <a:gd name="connsiteY0" fmla="*/ 4767837 h 9535674"/>
              <a:gd name="connsiteX1" fmla="*/ 4767837 w 9535674"/>
              <a:gd name="connsiteY1" fmla="*/ 0 h 9535674"/>
              <a:gd name="connsiteX2" fmla="*/ 9535674 w 9535674"/>
              <a:gd name="connsiteY2" fmla="*/ 4767837 h 9535674"/>
              <a:gd name="connsiteX3" fmla="*/ 4767837 w 9535674"/>
              <a:gd name="connsiteY3" fmla="*/ 9535674 h 9535674"/>
              <a:gd name="connsiteX4" fmla="*/ 0 w 9535674"/>
              <a:gd name="connsiteY4" fmla="*/ 4767837 h 9535674"/>
              <a:gd name="connsiteX0" fmla="*/ 0 w 9535674"/>
              <a:gd name="connsiteY0" fmla="*/ 4767837 h 9535674"/>
              <a:gd name="connsiteX1" fmla="*/ 3425145 w 9535674"/>
              <a:gd name="connsiteY1" fmla="*/ 1338837 h 9535674"/>
              <a:gd name="connsiteX2" fmla="*/ 4767837 w 9535674"/>
              <a:gd name="connsiteY2" fmla="*/ 0 h 9535674"/>
              <a:gd name="connsiteX3" fmla="*/ 9535674 w 9535674"/>
              <a:gd name="connsiteY3" fmla="*/ 4767837 h 9535674"/>
              <a:gd name="connsiteX4" fmla="*/ 4767837 w 9535674"/>
              <a:gd name="connsiteY4" fmla="*/ 9535674 h 9535674"/>
              <a:gd name="connsiteX5" fmla="*/ 0 w 9535674"/>
              <a:gd name="connsiteY5" fmla="*/ 4767837 h 9535674"/>
              <a:gd name="connsiteX0" fmla="*/ 0 w 9535674"/>
              <a:gd name="connsiteY0" fmla="*/ 4767837 h 9535674"/>
              <a:gd name="connsiteX1" fmla="*/ 3425145 w 9535674"/>
              <a:gd name="connsiteY1" fmla="*/ 1338837 h 9535674"/>
              <a:gd name="connsiteX2" fmla="*/ 4767837 w 9535674"/>
              <a:gd name="connsiteY2" fmla="*/ 0 h 9535674"/>
              <a:gd name="connsiteX3" fmla="*/ 6111195 w 9535674"/>
              <a:gd name="connsiteY3" fmla="*/ 1338837 h 9535674"/>
              <a:gd name="connsiteX4" fmla="*/ 9535674 w 9535674"/>
              <a:gd name="connsiteY4" fmla="*/ 4767837 h 9535674"/>
              <a:gd name="connsiteX5" fmla="*/ 4767837 w 9535674"/>
              <a:gd name="connsiteY5" fmla="*/ 9535674 h 9535674"/>
              <a:gd name="connsiteX6" fmla="*/ 0 w 9535674"/>
              <a:gd name="connsiteY6" fmla="*/ 4767837 h 9535674"/>
              <a:gd name="connsiteX0" fmla="*/ 0 w 9535674"/>
              <a:gd name="connsiteY0" fmla="*/ 3429000 h 8196837"/>
              <a:gd name="connsiteX1" fmla="*/ 3425145 w 9535674"/>
              <a:gd name="connsiteY1" fmla="*/ 0 h 8196837"/>
              <a:gd name="connsiteX2" fmla="*/ 6111195 w 9535674"/>
              <a:gd name="connsiteY2" fmla="*/ 0 h 8196837"/>
              <a:gd name="connsiteX3" fmla="*/ 9535674 w 9535674"/>
              <a:gd name="connsiteY3" fmla="*/ 3429000 h 8196837"/>
              <a:gd name="connsiteX4" fmla="*/ 4767837 w 9535674"/>
              <a:gd name="connsiteY4" fmla="*/ 8196837 h 8196837"/>
              <a:gd name="connsiteX5" fmla="*/ 0 w 9535674"/>
              <a:gd name="connsiteY5" fmla="*/ 3429000 h 8196837"/>
              <a:gd name="connsiteX0" fmla="*/ 0 w 9535674"/>
              <a:gd name="connsiteY0" fmla="*/ 3429000 h 8196837"/>
              <a:gd name="connsiteX1" fmla="*/ 3425145 w 9535674"/>
              <a:gd name="connsiteY1" fmla="*/ 0 h 8196837"/>
              <a:gd name="connsiteX2" fmla="*/ 6111195 w 9535674"/>
              <a:gd name="connsiteY2" fmla="*/ 0 h 8196837"/>
              <a:gd name="connsiteX3" fmla="*/ 9535674 w 9535674"/>
              <a:gd name="connsiteY3" fmla="*/ 3429000 h 8196837"/>
              <a:gd name="connsiteX4" fmla="*/ 4767837 w 9535674"/>
              <a:gd name="connsiteY4" fmla="*/ 8196837 h 8196837"/>
              <a:gd name="connsiteX5" fmla="*/ 3444699 w 9535674"/>
              <a:gd name="connsiteY5" fmla="*/ 6874933 h 8196837"/>
              <a:gd name="connsiteX6" fmla="*/ 0 w 9535674"/>
              <a:gd name="connsiteY6" fmla="*/ 3429000 h 8196837"/>
              <a:gd name="connsiteX0" fmla="*/ 0 w 9535674"/>
              <a:gd name="connsiteY0" fmla="*/ 3429000 h 8196837"/>
              <a:gd name="connsiteX1" fmla="*/ 3425145 w 9535674"/>
              <a:gd name="connsiteY1" fmla="*/ 0 h 8196837"/>
              <a:gd name="connsiteX2" fmla="*/ 6111195 w 9535674"/>
              <a:gd name="connsiteY2" fmla="*/ 0 h 8196837"/>
              <a:gd name="connsiteX3" fmla="*/ 9535674 w 9535674"/>
              <a:gd name="connsiteY3" fmla="*/ 3429000 h 8196837"/>
              <a:gd name="connsiteX4" fmla="*/ 6108877 w 9535674"/>
              <a:gd name="connsiteY4" fmla="*/ 6852356 h 8196837"/>
              <a:gd name="connsiteX5" fmla="*/ 4767837 w 9535674"/>
              <a:gd name="connsiteY5" fmla="*/ 8196837 h 8196837"/>
              <a:gd name="connsiteX6" fmla="*/ 3444699 w 9535674"/>
              <a:gd name="connsiteY6" fmla="*/ 6874933 h 8196837"/>
              <a:gd name="connsiteX7" fmla="*/ 0 w 9535674"/>
              <a:gd name="connsiteY7" fmla="*/ 3429000 h 8196837"/>
              <a:gd name="connsiteX0" fmla="*/ 0 w 9535674"/>
              <a:gd name="connsiteY0" fmla="*/ 3429000 h 6874933"/>
              <a:gd name="connsiteX1" fmla="*/ 3425145 w 9535674"/>
              <a:gd name="connsiteY1" fmla="*/ 0 h 6874933"/>
              <a:gd name="connsiteX2" fmla="*/ 6111195 w 9535674"/>
              <a:gd name="connsiteY2" fmla="*/ 0 h 6874933"/>
              <a:gd name="connsiteX3" fmla="*/ 9535674 w 9535674"/>
              <a:gd name="connsiteY3" fmla="*/ 3429000 h 6874933"/>
              <a:gd name="connsiteX4" fmla="*/ 6108877 w 9535674"/>
              <a:gd name="connsiteY4" fmla="*/ 6852356 h 6874933"/>
              <a:gd name="connsiteX5" fmla="*/ 3444699 w 9535674"/>
              <a:gd name="connsiteY5" fmla="*/ 6874933 h 6874933"/>
              <a:gd name="connsiteX6" fmla="*/ 0 w 9535674"/>
              <a:gd name="connsiteY6" fmla="*/ 3429000 h 6874933"/>
              <a:gd name="connsiteX0" fmla="*/ 0 w 9535674"/>
              <a:gd name="connsiteY0" fmla="*/ 3429000 h 6874933"/>
              <a:gd name="connsiteX1" fmla="*/ 3425145 w 9535674"/>
              <a:gd name="connsiteY1" fmla="*/ 0 h 6874933"/>
              <a:gd name="connsiteX2" fmla="*/ 6111195 w 9535674"/>
              <a:gd name="connsiteY2" fmla="*/ 0 h 6874933"/>
              <a:gd name="connsiteX3" fmla="*/ 9535674 w 9535674"/>
              <a:gd name="connsiteY3" fmla="*/ 3429000 h 6874933"/>
              <a:gd name="connsiteX4" fmla="*/ 6097588 w 9535674"/>
              <a:gd name="connsiteY4" fmla="*/ 6852356 h 6874933"/>
              <a:gd name="connsiteX5" fmla="*/ 3444699 w 9535674"/>
              <a:gd name="connsiteY5" fmla="*/ 6874933 h 6874933"/>
              <a:gd name="connsiteX6" fmla="*/ 0 w 9535674"/>
              <a:gd name="connsiteY6" fmla="*/ 3429000 h 6874933"/>
              <a:gd name="connsiteX0" fmla="*/ 0 w 9535674"/>
              <a:gd name="connsiteY0" fmla="*/ 3429000 h 6886222"/>
              <a:gd name="connsiteX1" fmla="*/ 3425145 w 9535674"/>
              <a:gd name="connsiteY1" fmla="*/ 0 h 6886222"/>
              <a:gd name="connsiteX2" fmla="*/ 6111195 w 9535674"/>
              <a:gd name="connsiteY2" fmla="*/ 0 h 6886222"/>
              <a:gd name="connsiteX3" fmla="*/ 9535674 w 9535674"/>
              <a:gd name="connsiteY3" fmla="*/ 3429000 h 6886222"/>
              <a:gd name="connsiteX4" fmla="*/ 6063721 w 9535674"/>
              <a:gd name="connsiteY4" fmla="*/ 6886222 h 6886222"/>
              <a:gd name="connsiteX5" fmla="*/ 3444699 w 9535674"/>
              <a:gd name="connsiteY5" fmla="*/ 6874933 h 6886222"/>
              <a:gd name="connsiteX6" fmla="*/ 0 w 9535674"/>
              <a:gd name="connsiteY6" fmla="*/ 3429000 h 6886222"/>
              <a:gd name="connsiteX0" fmla="*/ 0 w 9535674"/>
              <a:gd name="connsiteY0" fmla="*/ 3429000 h 6874933"/>
              <a:gd name="connsiteX1" fmla="*/ 3425145 w 9535674"/>
              <a:gd name="connsiteY1" fmla="*/ 0 h 6874933"/>
              <a:gd name="connsiteX2" fmla="*/ 6111195 w 9535674"/>
              <a:gd name="connsiteY2" fmla="*/ 0 h 6874933"/>
              <a:gd name="connsiteX3" fmla="*/ 9535674 w 9535674"/>
              <a:gd name="connsiteY3" fmla="*/ 3429000 h 6874933"/>
              <a:gd name="connsiteX4" fmla="*/ 6061250 w 9535674"/>
              <a:gd name="connsiteY4" fmla="*/ 6861508 h 6874933"/>
              <a:gd name="connsiteX5" fmla="*/ 3444699 w 9535674"/>
              <a:gd name="connsiteY5" fmla="*/ 6874933 h 6874933"/>
              <a:gd name="connsiteX6" fmla="*/ 0 w 9535674"/>
              <a:gd name="connsiteY6" fmla="*/ 3429000 h 6874933"/>
              <a:gd name="connsiteX0" fmla="*/ 0 w 9535674"/>
              <a:gd name="connsiteY0" fmla="*/ 3429000 h 6874933"/>
              <a:gd name="connsiteX1" fmla="*/ 3425145 w 9535674"/>
              <a:gd name="connsiteY1" fmla="*/ 0 h 6874933"/>
              <a:gd name="connsiteX2" fmla="*/ 6111195 w 9535674"/>
              <a:gd name="connsiteY2" fmla="*/ 0 h 6874933"/>
              <a:gd name="connsiteX3" fmla="*/ 9535674 w 9535674"/>
              <a:gd name="connsiteY3" fmla="*/ 3429000 h 6874933"/>
              <a:gd name="connsiteX4" fmla="*/ 6095849 w 9535674"/>
              <a:gd name="connsiteY4" fmla="*/ 6854094 h 6874933"/>
              <a:gd name="connsiteX5" fmla="*/ 3444699 w 9535674"/>
              <a:gd name="connsiteY5" fmla="*/ 6874933 h 6874933"/>
              <a:gd name="connsiteX6" fmla="*/ 0 w 9535674"/>
              <a:gd name="connsiteY6" fmla="*/ 3429000 h 6874933"/>
              <a:gd name="connsiteX0" fmla="*/ 0 w 9535674"/>
              <a:gd name="connsiteY0" fmla="*/ 3429000 h 6860105"/>
              <a:gd name="connsiteX1" fmla="*/ 3425145 w 9535674"/>
              <a:gd name="connsiteY1" fmla="*/ 0 h 6860105"/>
              <a:gd name="connsiteX2" fmla="*/ 6111195 w 9535674"/>
              <a:gd name="connsiteY2" fmla="*/ 0 h 6860105"/>
              <a:gd name="connsiteX3" fmla="*/ 9535674 w 9535674"/>
              <a:gd name="connsiteY3" fmla="*/ 3429000 h 6860105"/>
              <a:gd name="connsiteX4" fmla="*/ 6095849 w 9535674"/>
              <a:gd name="connsiteY4" fmla="*/ 6854094 h 6860105"/>
              <a:gd name="connsiteX5" fmla="*/ 3442228 w 9535674"/>
              <a:gd name="connsiteY5" fmla="*/ 6860105 h 6860105"/>
              <a:gd name="connsiteX6" fmla="*/ 0 w 9535674"/>
              <a:gd name="connsiteY6" fmla="*/ 3429000 h 6860105"/>
              <a:gd name="connsiteX0" fmla="*/ 0 w 6111195"/>
              <a:gd name="connsiteY0" fmla="*/ 3429000 h 6860105"/>
              <a:gd name="connsiteX1" fmla="*/ 3425145 w 6111195"/>
              <a:gd name="connsiteY1" fmla="*/ 0 h 6860105"/>
              <a:gd name="connsiteX2" fmla="*/ 6111195 w 6111195"/>
              <a:gd name="connsiteY2" fmla="*/ 0 h 6860105"/>
              <a:gd name="connsiteX3" fmla="*/ 6095849 w 6111195"/>
              <a:gd name="connsiteY3" fmla="*/ 6854094 h 6860105"/>
              <a:gd name="connsiteX4" fmla="*/ 3442228 w 6111195"/>
              <a:gd name="connsiteY4" fmla="*/ 6860105 h 6860105"/>
              <a:gd name="connsiteX5" fmla="*/ 0 w 6111195"/>
              <a:gd name="connsiteY5" fmla="*/ 3429000 h 68601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111195" h="6860105">
                <a:moveTo>
                  <a:pt x="0" y="3429000"/>
                </a:moveTo>
                <a:lnTo>
                  <a:pt x="3425145" y="0"/>
                </a:lnTo>
                <a:lnTo>
                  <a:pt x="6111195" y="0"/>
                </a:lnTo>
                <a:cubicBezTo>
                  <a:pt x="6106080" y="2284698"/>
                  <a:pt x="6100964" y="4569396"/>
                  <a:pt x="6095849" y="6854094"/>
                </a:cubicBezTo>
                <a:lnTo>
                  <a:pt x="3442228" y="6860105"/>
                </a:lnTo>
                <a:lnTo>
                  <a:pt x="0" y="342900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indent="0" algn="ctr">
              <a:buFontTx/>
              <a:buNone/>
              <a:defRPr/>
            </a:lvl1pPr>
          </a:lstStyle>
          <a:p>
            <a:r>
              <a:rPr lang="en-US"/>
              <a:t>Click icon to add picture</a:t>
            </a:r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94057969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ockup">
    <p:bg>
      <p:bgPr>
        <a:gradFill>
          <a:gsLst>
            <a:gs pos="5000">
              <a:schemeClr val="accent4"/>
            </a:gs>
            <a:gs pos="100000">
              <a:schemeClr val="accent5"/>
            </a:gs>
          </a:gsLst>
          <a:lin ang="27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Diamond 12">
            <a:extLst>
              <a:ext uri="{FF2B5EF4-FFF2-40B4-BE49-F238E27FC236}">
                <a16:creationId xmlns:a16="http://schemas.microsoft.com/office/drawing/2014/main" id="{E4973F43-2A8D-46DA-8FB2-E077D384393F}"/>
              </a:ext>
            </a:extLst>
          </p:cNvPr>
          <p:cNvSpPr/>
          <p:nvPr userDrawn="1"/>
        </p:nvSpPr>
        <p:spPr>
          <a:xfrm>
            <a:off x="11057533" y="359431"/>
            <a:ext cx="522110" cy="522110"/>
          </a:xfrm>
          <a:prstGeom prst="diamond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539348" y="6291034"/>
            <a:ext cx="5110130" cy="365125"/>
          </a:xfrm>
          <a:prstGeom prst="rect">
            <a:avLst/>
          </a:prstGeom>
        </p:spPr>
        <p:txBody>
          <a:bodyPr/>
          <a:lstStyle>
            <a:lvl1pPr algn="ctr">
              <a:defRPr sz="1300">
                <a:solidFill>
                  <a:schemeClr val="bg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/>
              <a:t>companyname.com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062964" y="359888"/>
            <a:ext cx="516420" cy="522110"/>
          </a:xfrm>
        </p:spPr>
        <p:txBody>
          <a:bodyPr lIns="0" tIns="0" rIns="0" bIns="0" anchor="ctr" anchorCtr="1"/>
          <a:lstStyle>
            <a:lvl1pPr>
              <a:defRPr sz="1300">
                <a:solidFill>
                  <a:schemeClr val="bg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endParaRPr lang="en-US" dirty="0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902C626-C53F-407E-96FB-80FAB11371E0}"/>
              </a:ext>
            </a:extLst>
          </p:cNvPr>
          <p:cNvGrpSpPr/>
          <p:nvPr userDrawn="1"/>
        </p:nvGrpSpPr>
        <p:grpSpPr>
          <a:xfrm>
            <a:off x="765820" y="6473596"/>
            <a:ext cx="10810529" cy="0"/>
            <a:chOff x="765820" y="6453336"/>
            <a:chExt cx="10810529" cy="0"/>
          </a:xfrm>
        </p:grpSpPr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598359EE-D792-4018-9297-434F84B6A10E}"/>
                </a:ext>
              </a:extLst>
            </p:cNvPr>
            <p:cNvCxnSpPr/>
            <p:nvPr userDrawn="1"/>
          </p:nvCxnSpPr>
          <p:spPr>
            <a:xfrm flipH="1">
              <a:off x="765820" y="6453336"/>
              <a:ext cx="4176464" cy="0"/>
            </a:xfrm>
            <a:prstGeom prst="line">
              <a:avLst/>
            </a:prstGeom>
            <a:ln>
              <a:solidFill>
                <a:schemeClr val="bg1"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A5B62C18-9C61-493A-B1F4-C0B177EE31A0}"/>
                </a:ext>
              </a:extLst>
            </p:cNvPr>
            <p:cNvCxnSpPr/>
            <p:nvPr userDrawn="1"/>
          </p:nvCxnSpPr>
          <p:spPr>
            <a:xfrm flipH="1">
              <a:off x="7399885" y="6453336"/>
              <a:ext cx="4176464" cy="0"/>
            </a:xfrm>
            <a:prstGeom prst="line">
              <a:avLst/>
            </a:prstGeom>
            <a:ln>
              <a:solidFill>
                <a:schemeClr val="bg1"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52530093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Mockup">
    <p:bg>
      <p:bgPr>
        <a:gradFill>
          <a:gsLst>
            <a:gs pos="5000">
              <a:schemeClr val="accent3"/>
            </a:gs>
            <a:gs pos="100000">
              <a:schemeClr val="accent5"/>
            </a:gs>
          </a:gsLst>
          <a:lin ang="27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6193435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U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>
            <a:extLst>
              <a:ext uri="{FF2B5EF4-FFF2-40B4-BE49-F238E27FC236}">
                <a16:creationId xmlns:a16="http://schemas.microsoft.com/office/drawing/2014/main" id="{0695BF93-A27D-4025-B5BB-F611D1E5C30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8825" cy="6858000"/>
          </a:xfrm>
        </p:spPr>
        <p:txBody>
          <a:bodyPr anchor="ctr">
            <a:normAutofit/>
          </a:bodyPr>
          <a:lstStyle>
            <a:lvl1pPr marL="0" indent="0" algn="ctr">
              <a:buFontTx/>
              <a:buNone/>
              <a:defRPr sz="2800">
                <a:solidFill>
                  <a:schemeClr val="tx1">
                    <a:lumMod val="75000"/>
                    <a:lumOff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56142863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3" y="273049"/>
            <a:ext cx="4010039" cy="1162051"/>
          </a:xfrm>
        </p:spPr>
        <p:txBody>
          <a:bodyPr anchor="b"/>
          <a:lstStyle>
            <a:lvl1pPr algn="l">
              <a:defRPr sz="27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5492" y="273052"/>
            <a:ext cx="6813892" cy="5853113"/>
          </a:xfrm>
        </p:spPr>
        <p:txBody>
          <a:bodyPr/>
          <a:lstStyle>
            <a:lvl1pPr>
              <a:defRPr sz="4300"/>
            </a:lvl1pPr>
            <a:lvl2pPr>
              <a:defRPr sz="3700"/>
            </a:lvl2pPr>
            <a:lvl3pPr>
              <a:defRPr sz="3200"/>
            </a:lvl3pPr>
            <a:lvl4pPr>
              <a:defRPr sz="2700"/>
            </a:lvl4pPr>
            <a:lvl5pPr>
              <a:defRPr sz="2700"/>
            </a:lvl5pPr>
            <a:lvl6pPr>
              <a:defRPr sz="2700"/>
            </a:lvl6pPr>
            <a:lvl7pPr>
              <a:defRPr sz="2700"/>
            </a:lvl7pPr>
            <a:lvl8pPr>
              <a:defRPr sz="2700"/>
            </a:lvl8pPr>
            <a:lvl9pPr>
              <a:defRPr sz="27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443" y="1435102"/>
            <a:ext cx="4010039" cy="4691063"/>
          </a:xfrm>
        </p:spPr>
        <p:txBody>
          <a:bodyPr/>
          <a:lstStyle>
            <a:lvl1pPr marL="0" indent="0">
              <a:buNone/>
              <a:defRPr sz="19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90817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162" y="2130426"/>
            <a:ext cx="10360501" cy="1470025"/>
          </a:xfrm>
        </p:spPr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324" y="3886200"/>
            <a:ext cx="8532178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  <a:latin typeface="Museo Sans 500" panose="02000000000000000000" pitchFamily="2" charset="77"/>
              </a:defRPr>
            </a:lvl1pPr>
            <a:lvl2pPr marL="6094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9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4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97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4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4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77184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095" y="4800600"/>
            <a:ext cx="7313295" cy="566739"/>
          </a:xfrm>
        </p:spPr>
        <p:txBody>
          <a:bodyPr anchor="b"/>
          <a:lstStyle>
            <a:lvl1pPr algn="l">
              <a:defRPr sz="27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095" y="612775"/>
            <a:ext cx="7313295" cy="4114800"/>
          </a:xfrm>
        </p:spPr>
        <p:txBody>
          <a:bodyPr/>
          <a:lstStyle>
            <a:lvl1pPr marL="0" indent="0">
              <a:buNone/>
              <a:defRPr sz="4300"/>
            </a:lvl1pPr>
            <a:lvl2pPr marL="609493" indent="0">
              <a:buNone/>
              <a:defRPr sz="3700"/>
            </a:lvl2pPr>
            <a:lvl3pPr marL="1218987" indent="0">
              <a:buNone/>
              <a:defRPr sz="3200"/>
            </a:lvl3pPr>
            <a:lvl4pPr marL="1828480" indent="0">
              <a:buNone/>
              <a:defRPr sz="2700"/>
            </a:lvl4pPr>
            <a:lvl5pPr marL="2437973" indent="0">
              <a:buNone/>
              <a:defRPr sz="2700"/>
            </a:lvl5pPr>
            <a:lvl6pPr marL="3047467" indent="0">
              <a:buNone/>
              <a:defRPr sz="2700"/>
            </a:lvl6pPr>
            <a:lvl7pPr marL="3656960" indent="0">
              <a:buNone/>
              <a:defRPr sz="2700"/>
            </a:lvl7pPr>
            <a:lvl8pPr marL="4266453" indent="0">
              <a:buNone/>
              <a:defRPr sz="2700"/>
            </a:lvl8pPr>
            <a:lvl9pPr marL="4875947" indent="0">
              <a:buNone/>
              <a:defRPr sz="27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095" y="5367338"/>
            <a:ext cx="7313295" cy="804863"/>
          </a:xfrm>
        </p:spPr>
        <p:txBody>
          <a:bodyPr/>
          <a:lstStyle>
            <a:lvl1pPr marL="0" indent="0">
              <a:buNone/>
              <a:defRPr sz="19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381427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415806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6898" y="274639"/>
            <a:ext cx="2742486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441" y="274639"/>
            <a:ext cx="802431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502233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AA69C8C3-5EEC-47F6-AA97-D185327B1E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-19599"/>
            <a:ext cx="7246240" cy="686919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B359B3A6-C89C-4D70-AB9B-67C7B7555AB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31181" y="1307349"/>
            <a:ext cx="6081159" cy="2604049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6414D78C-DF35-47AB-8498-E59396D29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34455" y="3586322"/>
            <a:ext cx="5577883" cy="1477328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4799" b="0" i="0">
                <a:solidFill>
                  <a:schemeClr val="accent2"/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E1AC049-0DEC-BA47-9C17-7CEC8D0CC28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6264232" y="5295900"/>
            <a:ext cx="4959645" cy="7239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 dirty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04384001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Go be gre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10A105FF-46B8-1749-8D83-0568B457794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69521" y="2712243"/>
            <a:ext cx="7449784" cy="143352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A9E7815C-7F6E-734C-83E2-181DFB85A896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2153" y="6051487"/>
            <a:ext cx="1938180" cy="829959"/>
          </a:xfrm>
          <a:prstGeom prst="rect">
            <a:avLst/>
          </a:prstGeom>
        </p:spPr>
      </p:pic>
      <p:sp>
        <p:nvSpPr>
          <p:cNvPr id="12" name="Footer Placeholder 3">
            <a:extLst>
              <a:ext uri="{FF2B5EF4-FFF2-40B4-BE49-F238E27FC236}">
                <a16:creationId xmlns:a16="http://schemas.microsoft.com/office/drawing/2014/main" id="{5C274F76-BDF3-3344-81A4-A4FE7EA65F53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407894" y="6356352"/>
            <a:ext cx="9141619" cy="366183"/>
          </a:xfrm>
        </p:spPr>
        <p:txBody>
          <a:bodyPr/>
          <a:lstStyle/>
          <a:p>
            <a:r>
              <a:rPr lang="en-US"/>
              <a:t>Confidential – Do Not Distribut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77148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A3B51075-A989-D548-BBE6-AFB468BD0AC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42612" y="0"/>
            <a:ext cx="12531437" cy="6858000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C5B3C75B-1240-D241-9A30-5840EB74FC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89756" y="1138425"/>
            <a:ext cx="4692884" cy="3240360"/>
          </a:xfrm>
        </p:spPr>
        <p:txBody>
          <a:bodyPr>
            <a:normAutofit/>
          </a:bodyPr>
          <a:lstStyle>
            <a:lvl1pPr algn="ctr">
              <a:defRPr sz="5000">
                <a:solidFill>
                  <a:schemeClr val="bg1"/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056E9FB5-557D-1448-A1EC-1886778F3EF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68835" y="1138425"/>
            <a:ext cx="4116819" cy="4987739"/>
          </a:xfrm>
        </p:spPr>
        <p:txBody>
          <a:bodyPr/>
          <a:lstStyle>
            <a:lvl1pPr algn="l">
              <a:buClr>
                <a:schemeClr val="accent2"/>
              </a:buClr>
              <a:defRPr sz="2800">
                <a:solidFill>
                  <a:srgbClr val="666666"/>
                </a:solidFill>
                <a:latin typeface="Museo Sans 500" panose="02000000000000000000" pitchFamily="2" charset="77"/>
              </a:defRPr>
            </a:lvl1pPr>
            <a:lvl2pPr algn="l">
              <a:buClr>
                <a:schemeClr val="accent2"/>
              </a:buClr>
              <a:defRPr sz="2500">
                <a:solidFill>
                  <a:srgbClr val="666666"/>
                </a:solidFill>
                <a:latin typeface="Museo Sans 500" panose="02000000000000000000" pitchFamily="2" charset="77"/>
              </a:defRPr>
            </a:lvl2pPr>
            <a:lvl3pPr algn="l">
              <a:defRPr sz="2000">
                <a:solidFill>
                  <a:srgbClr val="666666"/>
                </a:solidFill>
                <a:latin typeface="Museo Sans 500" panose="02000000000000000000" pitchFamily="2" charset="77"/>
              </a:defRPr>
            </a:lvl3pPr>
            <a:lvl4pPr algn="l">
              <a:defRPr sz="2000">
                <a:solidFill>
                  <a:srgbClr val="666666"/>
                </a:solidFill>
                <a:latin typeface="Museo Sans 500" panose="02000000000000000000" pitchFamily="2" charset="77"/>
              </a:defRPr>
            </a:lvl4pPr>
            <a:lvl5pPr algn="l">
              <a:defRPr sz="2000">
                <a:solidFill>
                  <a:srgbClr val="666666"/>
                </a:solidFill>
                <a:latin typeface="Museo Sans 500" panose="02000000000000000000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92365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F2CA9165-C75D-CE47-86EB-24008C20335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531437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886500" y="1138425"/>
            <a:ext cx="4692884" cy="3240360"/>
          </a:xfrm>
        </p:spPr>
        <p:txBody>
          <a:bodyPr>
            <a:normAutofit/>
          </a:bodyPr>
          <a:lstStyle>
            <a:lvl1pPr algn="ctr">
              <a:defRPr sz="5000">
                <a:solidFill>
                  <a:schemeClr val="bg1"/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441" y="1138425"/>
            <a:ext cx="4116819" cy="4987739"/>
          </a:xfrm>
        </p:spPr>
        <p:txBody>
          <a:bodyPr/>
          <a:lstStyle>
            <a:lvl1pPr algn="l">
              <a:buClr>
                <a:schemeClr val="accent2"/>
              </a:buClr>
              <a:defRPr sz="2800">
                <a:solidFill>
                  <a:srgbClr val="666666"/>
                </a:solidFill>
                <a:latin typeface="Museo Sans 500" panose="02000000000000000000" pitchFamily="2" charset="77"/>
              </a:defRPr>
            </a:lvl1pPr>
            <a:lvl2pPr algn="l">
              <a:buClr>
                <a:schemeClr val="accent2"/>
              </a:buClr>
              <a:defRPr sz="2500">
                <a:solidFill>
                  <a:srgbClr val="666666"/>
                </a:solidFill>
                <a:latin typeface="Museo Sans 500" panose="02000000000000000000" pitchFamily="2" charset="77"/>
              </a:defRPr>
            </a:lvl2pPr>
            <a:lvl3pPr algn="l">
              <a:defRPr sz="2000">
                <a:solidFill>
                  <a:srgbClr val="666666"/>
                </a:solidFill>
                <a:latin typeface="Museo Sans 500" panose="02000000000000000000" pitchFamily="2" charset="77"/>
              </a:defRPr>
            </a:lvl3pPr>
            <a:lvl4pPr algn="l">
              <a:defRPr sz="2000">
                <a:solidFill>
                  <a:srgbClr val="666666"/>
                </a:solidFill>
                <a:latin typeface="Museo Sans 500" panose="02000000000000000000" pitchFamily="2" charset="77"/>
              </a:defRPr>
            </a:lvl4pPr>
            <a:lvl5pPr algn="l">
              <a:defRPr sz="2000">
                <a:solidFill>
                  <a:srgbClr val="666666"/>
                </a:solidFill>
                <a:latin typeface="Museo Sans 500" panose="02000000000000000000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70479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2833" y="4406901"/>
            <a:ext cx="10360501" cy="1362075"/>
          </a:xfrm>
        </p:spPr>
        <p:txBody>
          <a:bodyPr anchor="t"/>
          <a:lstStyle>
            <a:lvl1pPr algn="l">
              <a:defRPr sz="5300" b="1" cap="all">
                <a:latin typeface="Museo Sans 500" panose="02000000000000000000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2833" y="2906713"/>
            <a:ext cx="10360501" cy="1500187"/>
          </a:xfrm>
        </p:spPr>
        <p:txBody>
          <a:bodyPr anchor="b"/>
          <a:lstStyle>
            <a:lvl1pPr marL="0" indent="0">
              <a:buNone/>
              <a:defRPr sz="2700">
                <a:solidFill>
                  <a:schemeClr val="tx1">
                    <a:tint val="75000"/>
                  </a:schemeClr>
                </a:solidFill>
                <a:latin typeface="Museo Sans 500" panose="02000000000000000000" pitchFamily="2" charset="77"/>
              </a:defRPr>
            </a:lvl1pPr>
            <a:lvl2pPr marL="609493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8987" indent="0">
              <a:buNone/>
              <a:defRPr sz="2100">
                <a:solidFill>
                  <a:schemeClr val="tx1">
                    <a:tint val="75000"/>
                  </a:schemeClr>
                </a:solidFill>
              </a:defRPr>
            </a:lvl3pPr>
            <a:lvl4pPr marL="182848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4pPr>
            <a:lvl5pPr marL="243797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5pPr>
            <a:lvl6pPr marL="304746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6pPr>
            <a:lvl7pPr marL="365696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7pPr>
            <a:lvl8pPr marL="426645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8pPr>
            <a:lvl9pPr marL="487594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81707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441" y="1600201"/>
            <a:ext cx="5383398" cy="4525963"/>
          </a:xfrm>
        </p:spPr>
        <p:txBody>
          <a:bodyPr/>
          <a:lstStyle>
            <a:lvl1pPr>
              <a:buClr>
                <a:schemeClr val="accent2"/>
              </a:buClr>
              <a:defRPr sz="2800">
                <a:latin typeface="Museo Sans 500" panose="02000000000000000000" pitchFamily="2" charset="77"/>
              </a:defRPr>
            </a:lvl1pPr>
            <a:lvl2pPr>
              <a:defRPr sz="2500">
                <a:latin typeface="Museo Sans 500" panose="02000000000000000000" pitchFamily="2" charset="77"/>
              </a:defRPr>
            </a:lvl2pPr>
            <a:lvl3pPr>
              <a:defRPr sz="2700">
                <a:latin typeface="Museo Sans 500" panose="02000000000000000000" pitchFamily="2" charset="77"/>
              </a:defRPr>
            </a:lvl3pPr>
            <a:lvl4pPr>
              <a:defRPr sz="2400">
                <a:latin typeface="Museo Sans 500" panose="02000000000000000000" pitchFamily="2" charset="77"/>
              </a:defRPr>
            </a:lvl4pPr>
            <a:lvl5pPr>
              <a:defRPr sz="2400">
                <a:latin typeface="Museo Sans 500" panose="02000000000000000000" pitchFamily="2" charset="77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Museo Sans 500" panose="02000000000000000000" pitchFamily="2" charset="77"/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E9747557-C1F0-2B4F-94DD-D50D5589DB4D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6216864" y="1600201"/>
            <a:ext cx="5383398" cy="4525963"/>
          </a:xfrm>
        </p:spPr>
        <p:txBody>
          <a:bodyPr/>
          <a:lstStyle>
            <a:lvl1pPr>
              <a:buClr>
                <a:schemeClr val="accent2"/>
              </a:buClr>
              <a:defRPr sz="2800">
                <a:latin typeface="Museo Sans 500" panose="02000000000000000000" pitchFamily="2" charset="77"/>
              </a:defRPr>
            </a:lvl1pPr>
            <a:lvl2pPr>
              <a:defRPr sz="2500">
                <a:latin typeface="Museo Sans 500" panose="02000000000000000000" pitchFamily="2" charset="77"/>
              </a:defRPr>
            </a:lvl2pPr>
            <a:lvl3pPr>
              <a:defRPr sz="2700">
                <a:latin typeface="Museo Sans 500" panose="02000000000000000000" pitchFamily="2" charset="77"/>
              </a:defRPr>
            </a:lvl3pPr>
            <a:lvl4pPr>
              <a:defRPr sz="2400">
                <a:latin typeface="Museo Sans 500" panose="02000000000000000000" pitchFamily="2" charset="77"/>
              </a:defRPr>
            </a:lvl4pPr>
            <a:lvl5pPr>
              <a:defRPr sz="2400">
                <a:latin typeface="Museo Sans 500" panose="02000000000000000000" pitchFamily="2" charset="77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3186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441" y="1535113"/>
            <a:ext cx="5385514" cy="639763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441" y="2174875"/>
            <a:ext cx="5385514" cy="3951288"/>
          </a:xfrm>
        </p:spPr>
        <p:txBody>
          <a:bodyPr/>
          <a:lstStyle>
            <a:lvl1pPr>
              <a:defRPr sz="3200"/>
            </a:lvl1pPr>
            <a:lvl2pPr>
              <a:defRPr sz="2700"/>
            </a:lvl2pPr>
            <a:lvl3pPr>
              <a:defRPr sz="2400"/>
            </a:lvl3pPr>
            <a:lvl4pPr>
              <a:defRPr sz="2100"/>
            </a:lvl4pPr>
            <a:lvl5pPr>
              <a:defRPr sz="21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1756" y="1535113"/>
            <a:ext cx="5387630" cy="639763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1756" y="2174875"/>
            <a:ext cx="5387630" cy="3951288"/>
          </a:xfrm>
        </p:spPr>
        <p:txBody>
          <a:bodyPr/>
          <a:lstStyle>
            <a:lvl1pPr>
              <a:defRPr sz="3200"/>
            </a:lvl1pPr>
            <a:lvl2pPr>
              <a:defRPr sz="2700"/>
            </a:lvl2pPr>
            <a:lvl3pPr>
              <a:defRPr sz="2400"/>
            </a:lvl3pPr>
            <a:lvl4pPr>
              <a:defRPr sz="2100"/>
            </a:lvl4pPr>
            <a:lvl5pPr>
              <a:defRPr sz="21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4164515" y="6356351"/>
            <a:ext cx="3859795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58990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 sz="3600">
                <a:latin typeface="Museo Sans 500" panose="02000000000000000000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062964" y="359888"/>
            <a:ext cx="516420" cy="522110"/>
          </a:xfrm>
        </p:spPr>
        <p:txBody>
          <a:bodyPr lIns="0" tIns="0" rIns="0" bIns="0" anchor="ctr" anchorCtr="1"/>
          <a:lstStyle>
            <a:lvl1pPr>
              <a:defRPr sz="1300">
                <a:solidFill>
                  <a:schemeClr val="bg1"/>
                </a:solidFill>
                <a:latin typeface="Museo Sans 500" panose="02000000000000000000" pitchFamily="2" charset="77"/>
                <a:ea typeface="Museo Sans 500" panose="02000000000000000000" pitchFamily="2" charset="77"/>
                <a:cs typeface="Museo Sans 500" panose="02000000000000000000" pitchFamily="2" charset="77"/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9874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539348" y="6291034"/>
            <a:ext cx="5110130" cy="365125"/>
          </a:xfrm>
          <a:prstGeom prst="rect">
            <a:avLst/>
          </a:prstGeom>
        </p:spPr>
        <p:txBody>
          <a:bodyPr/>
          <a:lstStyle>
            <a:lvl1pPr algn="ctr">
              <a:defRPr sz="1300">
                <a:solidFill>
                  <a:schemeClr val="bg1">
                    <a:lumMod val="50000"/>
                  </a:schemeClr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/>
              <a:t>companyname.com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062964" y="359888"/>
            <a:ext cx="516420" cy="522110"/>
          </a:xfrm>
        </p:spPr>
        <p:txBody>
          <a:bodyPr lIns="0" tIns="0" rIns="0" bIns="0" anchor="ctr" anchorCtr="1"/>
          <a:lstStyle>
            <a:lvl1pPr>
              <a:defRPr sz="1300">
                <a:solidFill>
                  <a:schemeClr val="bg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34" name="Group 33">
            <a:extLst>
              <a:ext uri="{FF2B5EF4-FFF2-40B4-BE49-F238E27FC236}">
                <a16:creationId xmlns:a16="http://schemas.microsoft.com/office/drawing/2014/main" id="{FF26A855-D2C8-4657-852A-1144FF2C76FD}"/>
              </a:ext>
            </a:extLst>
          </p:cNvPr>
          <p:cNvGrpSpPr/>
          <p:nvPr userDrawn="1"/>
        </p:nvGrpSpPr>
        <p:grpSpPr>
          <a:xfrm>
            <a:off x="765820" y="6473596"/>
            <a:ext cx="10810529" cy="0"/>
            <a:chOff x="765820" y="6453336"/>
            <a:chExt cx="10810529" cy="0"/>
          </a:xfrm>
        </p:grpSpPr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8F86ECE5-BEBF-4B8E-B5AC-3D7902444F17}"/>
                </a:ext>
              </a:extLst>
            </p:cNvPr>
            <p:cNvCxnSpPr/>
            <p:nvPr userDrawn="1"/>
          </p:nvCxnSpPr>
          <p:spPr>
            <a:xfrm flipH="1">
              <a:off x="765820" y="6453336"/>
              <a:ext cx="4176464" cy="0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1DE7DEAD-E565-41EC-A7FE-3210F6139698}"/>
                </a:ext>
              </a:extLst>
            </p:cNvPr>
            <p:cNvCxnSpPr/>
            <p:nvPr userDrawn="1"/>
          </p:nvCxnSpPr>
          <p:spPr>
            <a:xfrm flipH="1">
              <a:off x="7399885" y="6453336"/>
              <a:ext cx="4176464" cy="0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39008036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441" y="274639"/>
            <a:ext cx="10969943" cy="711081"/>
          </a:xfrm>
          <a:prstGeom prst="rect">
            <a:avLst/>
          </a:prstGeom>
        </p:spPr>
        <p:txBody>
          <a:bodyPr vert="horz" lIns="121899" tIns="60949" rIns="121899" bIns="60949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441" y="1138425"/>
            <a:ext cx="10969943" cy="4987739"/>
          </a:xfrm>
          <a:prstGeom prst="rect">
            <a:avLst/>
          </a:prstGeom>
        </p:spPr>
        <p:txBody>
          <a:bodyPr vert="horz" lIns="121899" tIns="60949" rIns="121899" bIns="60949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441" y="6356351"/>
            <a:ext cx="2844059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l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5404F2-BE9A-4460-8815-8F645183555F}" type="datetimeFigureOut">
              <a:rPr lang="en-US" smtClean="0"/>
              <a:pPr/>
              <a:t>10/2/2020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5325" y="6356351"/>
            <a:ext cx="2844059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6E69268-9C8B-4EBF-A9EE-DC5DC2D48DC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450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49" r:id="rId2"/>
    <p:sldLayoutId id="2147483650" r:id="rId3"/>
    <p:sldLayoutId id="2147483672" r:id="rId4"/>
    <p:sldLayoutId id="2147483651" r:id="rId5"/>
    <p:sldLayoutId id="2147483652" r:id="rId6"/>
    <p:sldLayoutId id="2147483653" r:id="rId7"/>
    <p:sldLayoutId id="2147483654" r:id="rId8"/>
    <p:sldLayoutId id="2147483670" r:id="rId9"/>
    <p:sldLayoutId id="2147483663" r:id="rId10"/>
    <p:sldLayoutId id="2147483668" r:id="rId11"/>
    <p:sldLayoutId id="2147483664" r:id="rId12"/>
    <p:sldLayoutId id="2147483662" r:id="rId13"/>
    <p:sldLayoutId id="2147483655" r:id="rId14"/>
    <p:sldLayoutId id="2147483665" r:id="rId15"/>
    <p:sldLayoutId id="2147483666" r:id="rId16"/>
    <p:sldLayoutId id="2147483667" r:id="rId17"/>
    <p:sldLayoutId id="2147483669" r:id="rId18"/>
    <p:sldLayoutId id="2147483656" r:id="rId19"/>
    <p:sldLayoutId id="2147483657" r:id="rId20"/>
    <p:sldLayoutId id="2147483658" r:id="rId21"/>
    <p:sldLayoutId id="2147483659" r:id="rId22"/>
    <p:sldLayoutId id="2147483671" r:id="rId23"/>
    <p:sldLayoutId id="2147483673" r:id="rId24"/>
  </p:sldLayoutIdLst>
  <p:txStyles>
    <p:titleStyle>
      <a:lvl1pPr algn="l" defTabSz="1218987" rtl="0" eaLnBrk="1" latinLnBrk="0" hangingPunct="1">
        <a:spcBef>
          <a:spcPct val="0"/>
        </a:spcBef>
        <a:buNone/>
        <a:defRPr sz="3600" kern="1200">
          <a:solidFill>
            <a:schemeClr val="tx1"/>
          </a:solidFill>
          <a:latin typeface="Museo Sans 500" panose="02000000000000000000" pitchFamily="2" charset="77"/>
          <a:ea typeface="Verdana" panose="020B0604030504040204" pitchFamily="34" charset="0"/>
          <a:cs typeface="Verdana" panose="020B0604030504040204" pitchFamily="34" charset="0"/>
        </a:defRPr>
      </a:lvl1pPr>
    </p:titleStyle>
    <p:bodyStyle>
      <a:lvl1pPr marL="457120" indent="-457120" algn="l" defTabSz="1218987" rtl="0" eaLnBrk="1" latinLnBrk="0" hangingPunct="1">
        <a:spcBef>
          <a:spcPct val="20000"/>
        </a:spcBef>
        <a:buFont typeface="Arial" pitchFamily="34" charset="0"/>
        <a:buChar char="•"/>
        <a:defRPr sz="2800" b="0" i="0" kern="1200">
          <a:solidFill>
            <a:schemeClr val="tx1"/>
          </a:solidFill>
          <a:latin typeface="Museo Sans 300" panose="02000000000000000000" pitchFamily="2" charset="77"/>
          <a:ea typeface="+mn-ea"/>
          <a:cs typeface="+mn-cs"/>
        </a:defRPr>
      </a:lvl1pPr>
      <a:lvl2pPr marL="990427" indent="-380933" algn="l" defTabSz="1218987" rtl="0" eaLnBrk="1" latinLnBrk="0" hangingPunct="1">
        <a:spcBef>
          <a:spcPct val="20000"/>
        </a:spcBef>
        <a:buFont typeface="Arial" pitchFamily="34" charset="0"/>
        <a:buChar char="–"/>
        <a:defRPr sz="2500" b="0" i="0" kern="1200">
          <a:solidFill>
            <a:schemeClr val="tx1"/>
          </a:solidFill>
          <a:latin typeface="Museo Sans 300" panose="02000000000000000000" pitchFamily="2" charset="77"/>
          <a:ea typeface="+mn-ea"/>
          <a:cs typeface="+mn-cs"/>
        </a:defRPr>
      </a:lvl2pPr>
      <a:lvl3pPr marL="1523733" indent="-304747" algn="l" defTabSz="1218987" rtl="0" eaLnBrk="1" latinLnBrk="0" hangingPunct="1">
        <a:spcBef>
          <a:spcPct val="20000"/>
        </a:spcBef>
        <a:buFont typeface="Arial" pitchFamily="34" charset="0"/>
        <a:buChar char="•"/>
        <a:defRPr sz="2400" b="0" i="0" kern="1200">
          <a:solidFill>
            <a:schemeClr val="tx1"/>
          </a:solidFill>
          <a:latin typeface="Museo Sans 300" panose="02000000000000000000" pitchFamily="2" charset="77"/>
          <a:ea typeface="+mn-ea"/>
          <a:cs typeface="+mn-cs"/>
        </a:defRPr>
      </a:lvl3pPr>
      <a:lvl4pPr marL="2133227" indent="-304747" algn="l" defTabSz="1218987" rtl="0" eaLnBrk="1" latinLnBrk="0" hangingPunct="1">
        <a:spcBef>
          <a:spcPct val="20000"/>
        </a:spcBef>
        <a:buFont typeface="Arial" pitchFamily="34" charset="0"/>
        <a:buChar char="–"/>
        <a:defRPr sz="2000" b="0" i="0" kern="1200">
          <a:solidFill>
            <a:schemeClr val="tx1"/>
          </a:solidFill>
          <a:latin typeface="Museo Sans 300" panose="02000000000000000000" pitchFamily="2" charset="77"/>
          <a:ea typeface="+mn-ea"/>
          <a:cs typeface="+mn-cs"/>
        </a:defRPr>
      </a:lvl4pPr>
      <a:lvl5pPr marL="2742720" indent="-304747" algn="l" defTabSz="1218987" rtl="0" eaLnBrk="1" latinLnBrk="0" hangingPunct="1">
        <a:spcBef>
          <a:spcPct val="20000"/>
        </a:spcBef>
        <a:buFont typeface="Arial" pitchFamily="34" charset="0"/>
        <a:buChar char="»"/>
        <a:defRPr sz="2000" b="0" i="0" kern="1200">
          <a:solidFill>
            <a:schemeClr val="tx1"/>
          </a:solidFill>
          <a:latin typeface="Museo Sans 300" panose="02000000000000000000" pitchFamily="2" charset="77"/>
          <a:ea typeface="+mn-ea"/>
          <a:cs typeface="+mn-cs"/>
        </a:defRPr>
      </a:lvl5pPr>
      <a:lvl6pPr marL="3352213" indent="-304747" algn="l" defTabSz="1218987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3961707" indent="-304747" algn="l" defTabSz="1218987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4571200" indent="-304747" algn="l" defTabSz="1218987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180693" indent="-304747" algn="l" defTabSz="1218987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9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898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48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797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46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696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45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594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3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1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1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6.jpe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g"/><Relationship Id="rId1" Type="http://schemas.openxmlformats.org/officeDocument/2006/relationships/slideLayout" Target="../slideLayouts/slideLayout1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8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0.png"/><Relationship Id="rId4" Type="http://schemas.openxmlformats.org/officeDocument/2006/relationships/image" Target="../media/image9.sv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4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14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DFA3C38-1317-2144-8F57-F5E83B8881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am AA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AFFAC75-224C-2144-BC94-407D9E08C9B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6264232" y="4701700"/>
            <a:ext cx="4959645" cy="723900"/>
          </a:xfrm>
        </p:spPr>
        <p:txBody>
          <a:bodyPr>
            <a:normAutofit/>
          </a:bodyPr>
          <a:lstStyle/>
          <a:p>
            <a:r>
              <a:rPr lang="en-US" sz="2000" dirty="0"/>
              <a:t>By: Richa </a:t>
            </a:r>
            <a:r>
              <a:rPr lang="en-US" sz="2000" dirty="0" err="1"/>
              <a:t>Israni</a:t>
            </a:r>
            <a:r>
              <a:rPr lang="en-US" sz="2000" dirty="0"/>
              <a:t>, Abhay Sawhney, </a:t>
            </a:r>
          </a:p>
          <a:p>
            <a:r>
              <a:rPr lang="en-US" sz="2000" dirty="0"/>
              <a:t>Elisabeth </a:t>
            </a:r>
            <a:r>
              <a:rPr lang="en-US" sz="2000" dirty="0" err="1"/>
              <a:t>Vehling</a:t>
            </a:r>
            <a:r>
              <a:rPr lang="en-US" sz="2000" dirty="0"/>
              <a:t>, &amp; Nathan Van </a:t>
            </a:r>
            <a:r>
              <a:rPr lang="en-US" sz="2000" dirty="0" err="1"/>
              <a:t>Lare</a:t>
            </a:r>
            <a:endParaRPr lang="en-US" sz="2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176987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660E0218-BB4E-B240-BB53-1B234F32D49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-321407"/>
            <a:ext cx="12188825" cy="75008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5911496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>
            <a:extLst>
              <a:ext uri="{FF2B5EF4-FFF2-40B4-BE49-F238E27FC236}">
                <a16:creationId xmlns:a16="http://schemas.microsoft.com/office/drawing/2014/main" id="{F4A00E6E-16DF-964C-9EC5-AEAA62EC89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50000"/>
              </a:lnSpc>
            </a:pPr>
            <a:r>
              <a:rPr lang="en-US" sz="4000" b="1" dirty="0">
                <a:latin typeface="Museo Sans 700" panose="02000000000000000000" pitchFamily="2" charset="77"/>
              </a:rPr>
              <a:t>BENEFITS TO COLLABORATION</a:t>
            </a:r>
            <a:endParaRPr lang="en-US" sz="400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2342BAD-2BF0-2C4F-A86E-E20F0001BE4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Clr>
                <a:schemeClr val="accent2"/>
              </a:buClr>
            </a:pPr>
            <a:r>
              <a:rPr lang="en-US" sz="3500" dirty="0">
                <a:latin typeface="Museo Sans 300" panose="02000000000000000000" pitchFamily="2" charset="77"/>
              </a:rPr>
              <a:t>Direct access to Office 365’s 180 million user base</a:t>
            </a:r>
          </a:p>
          <a:p>
            <a:pPr>
              <a:buClr>
                <a:schemeClr val="accent2"/>
              </a:buClr>
            </a:pPr>
            <a:r>
              <a:rPr lang="en-US" sz="3500" dirty="0">
                <a:latin typeface="Museo Sans 300" panose="02000000000000000000" pitchFamily="2" charset="77"/>
              </a:rPr>
              <a:t>Pre-existing: </a:t>
            </a:r>
          </a:p>
          <a:p>
            <a:pPr lvl="1">
              <a:buClr>
                <a:schemeClr val="accent2"/>
              </a:buClr>
            </a:pPr>
            <a:r>
              <a:rPr lang="en-US" sz="2900" dirty="0">
                <a:latin typeface="Museo Sans 300" panose="02000000000000000000" pitchFamily="2" charset="77"/>
              </a:rPr>
              <a:t>Relationship and partnership with Microsoft</a:t>
            </a:r>
          </a:p>
          <a:p>
            <a:pPr lvl="1">
              <a:buClr>
                <a:schemeClr val="accent2"/>
              </a:buClr>
            </a:pPr>
            <a:r>
              <a:rPr lang="en-US" sz="2900" dirty="0">
                <a:latin typeface="Museo Sans 300" panose="02000000000000000000" pitchFamily="2" charset="77"/>
              </a:rPr>
              <a:t>Integration with 	 Office 365</a:t>
            </a:r>
          </a:p>
          <a:p>
            <a:endParaRPr lang="en-US" dirty="0">
              <a:latin typeface="Museo Sans 300" panose="02000000000000000000" pitchFamily="2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402935129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E80AE6AA-E0DB-3D47-BF31-4255CE788C7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-321407"/>
            <a:ext cx="12188825" cy="75008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272908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BCE8D8-2959-6F4A-A610-AB31AED2E1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02524" y="1268760"/>
            <a:ext cx="4692884" cy="3240360"/>
          </a:xfrm>
        </p:spPr>
        <p:txBody>
          <a:bodyPr/>
          <a:lstStyle/>
          <a:p>
            <a:r>
              <a:rPr lang="en-US" b="1" dirty="0">
                <a:latin typeface="Museo Sans 700" panose="02000000000000000000" pitchFamily="2" charset="77"/>
              </a:rPr>
              <a:t>MARKETING:</a:t>
            </a:r>
            <a:br>
              <a:rPr lang="en-US" b="1" dirty="0"/>
            </a:br>
            <a:r>
              <a:rPr lang="en-US" dirty="0"/>
              <a:t>SOCIAL MEDIA 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83E683F4-310A-E943-BFDF-B369EABEEB3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9756" y="328552"/>
            <a:ext cx="3024336" cy="1880416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CADD0B37-0D88-524B-A1F5-A18B4417167D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46140" y="367344"/>
            <a:ext cx="1841624" cy="1841624"/>
          </a:xfrm>
          <a:prstGeom prst="rect">
            <a:avLst/>
          </a:prstGeom>
        </p:spPr>
      </p:pic>
      <p:pic>
        <p:nvPicPr>
          <p:cNvPr id="19" name="Picture 18" descr="A close up of a sign&#10;&#10;Description automatically generated">
            <a:extLst>
              <a:ext uri="{FF2B5EF4-FFF2-40B4-BE49-F238E27FC236}">
                <a16:creationId xmlns:a16="http://schemas.microsoft.com/office/drawing/2014/main" id="{DDE94B94-DA14-9F4A-8F15-A97EE26CFBA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6512" y="3300849"/>
            <a:ext cx="1590824" cy="1193118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FA726E52-AB1F-2B40-BEFB-D6092E8D92A8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52552" y="3020233"/>
            <a:ext cx="1628800" cy="1628800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E4A155C7-8779-094F-BE39-38716FA306C0}"/>
              </a:ext>
            </a:extLst>
          </p:cNvPr>
          <p:cNvSpPr txBox="1"/>
          <p:nvPr/>
        </p:nvSpPr>
        <p:spPr>
          <a:xfrm>
            <a:off x="457636" y="1978135"/>
            <a:ext cx="25202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INSTRUCTIONAL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7F74E18F-B569-A040-BADF-4EE63ECF3E49}"/>
              </a:ext>
            </a:extLst>
          </p:cNvPr>
          <p:cNvSpPr txBox="1"/>
          <p:nvPr/>
        </p:nvSpPr>
        <p:spPr>
          <a:xfrm>
            <a:off x="3227730" y="1978135"/>
            <a:ext cx="25202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PROFESSIONAL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EDB3C78-887C-5141-AF82-066F6BD61666}"/>
              </a:ext>
            </a:extLst>
          </p:cNvPr>
          <p:cNvSpPr txBox="1"/>
          <p:nvPr/>
        </p:nvSpPr>
        <p:spPr>
          <a:xfrm>
            <a:off x="457636" y="4749389"/>
            <a:ext cx="25202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BRAND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80143E1-0DD8-BB49-A3B7-0C31D65A3F8F}"/>
              </a:ext>
            </a:extLst>
          </p:cNvPr>
          <p:cNvSpPr txBox="1"/>
          <p:nvPr/>
        </p:nvSpPr>
        <p:spPr>
          <a:xfrm>
            <a:off x="3227730" y="4749389"/>
            <a:ext cx="25202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EVERY DAY</a:t>
            </a:r>
          </a:p>
        </p:txBody>
      </p:sp>
    </p:spTree>
    <p:extLst>
      <p:ext uri="{BB962C8B-B14F-4D97-AF65-F5344CB8AC3E}">
        <p14:creationId xmlns:p14="http://schemas.microsoft.com/office/powerpoint/2010/main" val="159006679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A picture containing animal&#10;&#10;Description automatically generated">
            <a:extLst>
              <a:ext uri="{FF2B5EF4-FFF2-40B4-BE49-F238E27FC236}">
                <a16:creationId xmlns:a16="http://schemas.microsoft.com/office/drawing/2014/main" id="{1D3FB45A-28FF-274B-BBA7-FC73BEBA26B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62364" y="3673371"/>
            <a:ext cx="6047592" cy="2547562"/>
          </a:xfrm>
          <a:prstGeom prst="rect">
            <a:avLst/>
          </a:prstGeom>
        </p:spPr>
      </p:pic>
      <p:pic>
        <p:nvPicPr>
          <p:cNvPr id="11" name="Picture 10" descr="A screenshot of a computer screen&#10;&#10;Description automatically generated">
            <a:extLst>
              <a:ext uri="{FF2B5EF4-FFF2-40B4-BE49-F238E27FC236}">
                <a16:creationId xmlns:a16="http://schemas.microsoft.com/office/drawing/2014/main" id="{963EE46C-F612-ED42-BC05-A69BB32D591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0436" y="332656"/>
            <a:ext cx="4931027" cy="2625046"/>
          </a:xfrm>
          <a:prstGeom prst="rect">
            <a:avLst/>
          </a:prstGeom>
        </p:spPr>
      </p:pic>
      <p:pic>
        <p:nvPicPr>
          <p:cNvPr id="3" name="Picture 2" descr="A picture containing text&#10;&#10;Description automatically generated">
            <a:extLst>
              <a:ext uri="{FF2B5EF4-FFF2-40B4-BE49-F238E27FC236}">
                <a16:creationId xmlns:a16="http://schemas.microsoft.com/office/drawing/2014/main" id="{5527DFAC-B950-184D-916E-371BB94FEE6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9756" y="216024"/>
            <a:ext cx="4931027" cy="6381328"/>
          </a:xfrm>
          <a:prstGeom prst="rect">
            <a:avLst/>
          </a:prstGeom>
        </p:spPr>
      </p:pic>
      <p:pic>
        <p:nvPicPr>
          <p:cNvPr id="5" name="Picture 4" descr="A close up of a sign&#10;&#10;Description automatically generated">
            <a:extLst>
              <a:ext uri="{FF2B5EF4-FFF2-40B4-BE49-F238E27FC236}">
                <a16:creationId xmlns:a16="http://schemas.microsoft.com/office/drawing/2014/main" id="{D6359825-02FF-2640-A10C-0E53AFCF234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0216" y="3528392"/>
            <a:ext cx="1446808" cy="1085106"/>
          </a:xfrm>
          <a:prstGeom prst="rect">
            <a:avLst/>
          </a:prstGeom>
        </p:spPr>
      </p:pic>
      <p:pic>
        <p:nvPicPr>
          <p:cNvPr id="8" name="Picture 7" descr="A close up of a logo&#10;&#10;Description automatically generated">
            <a:extLst>
              <a:ext uri="{FF2B5EF4-FFF2-40B4-BE49-F238E27FC236}">
                <a16:creationId xmlns:a16="http://schemas.microsoft.com/office/drawing/2014/main" id="{832CFCD2-C5ED-9440-A80E-6319D8EAAEB3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31799" y="637067"/>
            <a:ext cx="2688299" cy="2016224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0BADFA34-6B0F-E84D-9BBA-7B3365FD4231}"/>
              </a:ext>
            </a:extLst>
          </p:cNvPr>
          <p:cNvSpPr txBox="1"/>
          <p:nvPr/>
        </p:nvSpPr>
        <p:spPr>
          <a:xfrm>
            <a:off x="6310436" y="3140968"/>
            <a:ext cx="43204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How to build your first bot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28D696C8-399E-D94A-B2CE-F932A017BAF7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86900" y="5243236"/>
            <a:ext cx="980728" cy="9807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797008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2EF6FC6D-9F4C-F745-A585-734C46E4BEA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-321407"/>
            <a:ext cx="12296101" cy="75668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634943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769DDF9A-EC8B-624D-A74E-8BB529118F7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321407"/>
            <a:ext cx="12179088" cy="7494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99062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B11FB5-95E1-E64A-A953-CE67E9C21C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9756" y="1340768"/>
            <a:ext cx="4692884" cy="3240360"/>
          </a:xfrm>
        </p:spPr>
        <p:txBody>
          <a:bodyPr/>
          <a:lstStyle/>
          <a:p>
            <a:r>
              <a:rPr lang="en-US" b="1" dirty="0">
                <a:latin typeface="Museo Sans 700" panose="02000000000000000000" pitchFamily="2" charset="77"/>
              </a:rPr>
              <a:t>IMAGINE:</a:t>
            </a:r>
            <a:br>
              <a:rPr lang="en-US" dirty="0"/>
            </a:br>
            <a:r>
              <a:rPr lang="en-US" dirty="0"/>
              <a:t>DISCOVER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F381A30-23F5-784E-824D-00D85A6513E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>
                <a:latin typeface="Museo Sans 300" panose="02000000000000000000" pitchFamily="2" charset="77"/>
              </a:rPr>
              <a:t>Integrate student component into Imagine</a:t>
            </a:r>
          </a:p>
          <a:p>
            <a:pPr lvl="1"/>
            <a:r>
              <a:rPr lang="en-US" dirty="0">
                <a:latin typeface="Museo Sans 300" panose="02000000000000000000" pitchFamily="2" charset="77"/>
              </a:rPr>
              <a:t>Partnership with CS student groups</a:t>
            </a:r>
          </a:p>
          <a:p>
            <a:pPr lvl="1"/>
            <a:r>
              <a:rPr lang="en-US" dirty="0">
                <a:latin typeface="Museo Sans 300" panose="02000000000000000000" pitchFamily="2" charset="77"/>
              </a:rPr>
              <a:t>Reward top 10 RPA students nationwide</a:t>
            </a:r>
          </a:p>
          <a:p>
            <a:r>
              <a:rPr lang="en-US" dirty="0">
                <a:latin typeface="Museo Sans 300" panose="02000000000000000000" pitchFamily="2" charset="77"/>
              </a:rPr>
              <a:t>Potential for dedicated student conference in the future</a:t>
            </a:r>
          </a:p>
        </p:txBody>
      </p:sp>
    </p:spTree>
    <p:extLst>
      <p:ext uri="{BB962C8B-B14F-4D97-AF65-F5344CB8AC3E}">
        <p14:creationId xmlns:p14="http://schemas.microsoft.com/office/powerpoint/2010/main" val="357884435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8BD32E03-93A5-E64E-BB28-844E08A123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2"/>
                </a:solidFill>
              </a:rPr>
              <a:t>Timelin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61EAB72-3D22-9544-9AC6-5F74BF1D003C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556792"/>
            <a:ext cx="12188825" cy="47542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856736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0E03E5-9DBA-C543-923A-F5DE870AB5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18548" y="1227979"/>
            <a:ext cx="4692884" cy="3240360"/>
          </a:xfrm>
        </p:spPr>
        <p:txBody>
          <a:bodyPr/>
          <a:lstStyle/>
          <a:p>
            <a:r>
              <a:rPr lang="en-US" b="1" dirty="0">
                <a:latin typeface="Museo Sans 700" panose="02000000000000000000" pitchFamily="2" charset="77"/>
              </a:rPr>
              <a:t>SUCCESS</a:t>
            </a:r>
            <a:r>
              <a:rPr lang="en-US" dirty="0"/>
              <a:t> </a:t>
            </a:r>
            <a:br>
              <a:rPr lang="en-US" dirty="0"/>
            </a:br>
            <a:r>
              <a:rPr lang="en-US" dirty="0"/>
              <a:t>METRIC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3A18596-EFB7-DA4F-975B-DBACE472CE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441" y="935130"/>
            <a:ext cx="4116819" cy="4987739"/>
          </a:xfrm>
        </p:spPr>
        <p:txBody>
          <a:bodyPr/>
          <a:lstStyle/>
          <a:p>
            <a:r>
              <a:rPr lang="en-US" dirty="0">
                <a:latin typeface="Museo Sans 300" panose="02000000000000000000" pitchFamily="2" charset="77"/>
              </a:rPr>
              <a:t>KPIs measuring </a:t>
            </a:r>
          </a:p>
          <a:p>
            <a:pPr lvl="1"/>
            <a:r>
              <a:rPr lang="en-US" dirty="0">
                <a:latin typeface="Museo Sans 300" panose="02000000000000000000" pitchFamily="2" charset="77"/>
              </a:rPr>
              <a:t>Increase in CE installs</a:t>
            </a:r>
          </a:p>
          <a:p>
            <a:pPr lvl="1"/>
            <a:r>
              <a:rPr lang="en-US" dirty="0">
                <a:latin typeface="Museo Sans 300" panose="02000000000000000000" pitchFamily="2" charset="77"/>
              </a:rPr>
              <a:t>Bot store accounts created</a:t>
            </a:r>
          </a:p>
          <a:p>
            <a:pPr lvl="1"/>
            <a:r>
              <a:rPr lang="en-US" dirty="0">
                <a:latin typeface="Museo Sans 300" panose="02000000000000000000" pitchFamily="2" charset="77"/>
              </a:rPr>
              <a:t>.</a:t>
            </a:r>
            <a:r>
              <a:rPr lang="en-US" dirty="0" err="1">
                <a:latin typeface="Museo Sans 300" panose="02000000000000000000" pitchFamily="2" charset="77"/>
              </a:rPr>
              <a:t>edu</a:t>
            </a:r>
            <a:r>
              <a:rPr lang="en-US" dirty="0">
                <a:latin typeface="Museo Sans 300" panose="02000000000000000000" pitchFamily="2" charset="77"/>
              </a:rPr>
              <a:t> emails registered</a:t>
            </a:r>
          </a:p>
          <a:p>
            <a:r>
              <a:rPr lang="en-US" dirty="0">
                <a:latin typeface="Museo Sans 300" panose="02000000000000000000" pitchFamily="2" charset="77"/>
              </a:rPr>
              <a:t>Goals: </a:t>
            </a:r>
          </a:p>
          <a:p>
            <a:pPr lvl="1"/>
            <a:r>
              <a:rPr lang="en-US" dirty="0">
                <a:latin typeface="Museo Sans 300" panose="02000000000000000000" pitchFamily="2" charset="77"/>
              </a:rPr>
              <a:t>10% YOY growth in overall installs</a:t>
            </a:r>
          </a:p>
          <a:p>
            <a:pPr lvl="1"/>
            <a:r>
              <a:rPr lang="en-US" dirty="0">
                <a:latin typeface="Museo Sans 300" panose="02000000000000000000" pitchFamily="2" charset="77"/>
              </a:rPr>
              <a:t>25% YOY growth in “.</a:t>
            </a:r>
            <a:r>
              <a:rPr lang="en-US" dirty="0" err="1">
                <a:latin typeface="Museo Sans 300" panose="02000000000000000000" pitchFamily="2" charset="77"/>
              </a:rPr>
              <a:t>edu</a:t>
            </a:r>
            <a:r>
              <a:rPr lang="en-US" dirty="0">
                <a:latin typeface="Museo Sans 300" panose="02000000000000000000" pitchFamily="2" charset="77"/>
              </a:rPr>
              <a:t>” installs</a:t>
            </a:r>
          </a:p>
        </p:txBody>
      </p:sp>
    </p:spTree>
    <p:extLst>
      <p:ext uri="{BB962C8B-B14F-4D97-AF65-F5344CB8AC3E}">
        <p14:creationId xmlns:p14="http://schemas.microsoft.com/office/powerpoint/2010/main" val="5845516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E2D885C-0A15-4D6B-8EEE-E5B9550E37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dirty="0">
                <a:solidFill>
                  <a:schemeClr val="accent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Target Persona (Student Sally)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C9898C-E1DA-4D14-A509-97624E50D3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E69268-9C8B-4EBF-A9EE-DC5DC2D48DC3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C4CC99A-D43F-441F-900F-794F224D1B2B}"/>
              </a:ext>
            </a:extLst>
          </p:cNvPr>
          <p:cNvSpPr txBox="1"/>
          <p:nvPr/>
        </p:nvSpPr>
        <p:spPr>
          <a:xfrm>
            <a:off x="693812" y="1412776"/>
            <a:ext cx="4392488" cy="5495863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>
              <a:lnSpc>
                <a:spcPct val="120000"/>
              </a:lnSpc>
              <a:buSzPct val="66000"/>
            </a:pPr>
            <a:r>
              <a:rPr lang="en-US" sz="1800" dirty="0">
                <a:solidFill>
                  <a:schemeClr val="accent2"/>
                </a:solidFill>
                <a:latin typeface="Museo Sans 500" panose="02000000000000000000" pitchFamily="2" charset="77"/>
              </a:rPr>
              <a:t>Challenges: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800" dirty="0">
                <a:latin typeface="Museo Sans 300" panose="02000000000000000000" pitchFamily="2" charset="77"/>
              </a:rPr>
              <a:t>work-life balance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800" dirty="0">
                <a:latin typeface="Museo Sans 300" panose="02000000000000000000" pitchFamily="2" charset="77"/>
              </a:rPr>
              <a:t>living on their own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800" dirty="0">
                <a:latin typeface="Museo Sans 300" panose="02000000000000000000" pitchFamily="2" charset="77"/>
              </a:rPr>
              <a:t>social media presence</a:t>
            </a:r>
          </a:p>
          <a:p>
            <a:pPr>
              <a:lnSpc>
                <a:spcPct val="120000"/>
              </a:lnSpc>
            </a:pPr>
            <a:endParaRPr lang="en-US" sz="1800" dirty="0">
              <a:latin typeface="Museo Sans 500" panose="02000000000000000000" pitchFamily="2" charset="77"/>
            </a:endParaRPr>
          </a:p>
          <a:p>
            <a:pPr>
              <a:lnSpc>
                <a:spcPct val="120000"/>
              </a:lnSpc>
            </a:pPr>
            <a:r>
              <a:rPr lang="en-US" sz="1800" dirty="0">
                <a:solidFill>
                  <a:schemeClr val="accent2"/>
                </a:solidFill>
                <a:latin typeface="Museo Sans 500" panose="02000000000000000000" pitchFamily="2" charset="77"/>
              </a:rPr>
              <a:t>Description: 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600" dirty="0">
                <a:latin typeface="Museo Sans 300" panose="02000000000000000000" pitchFamily="2" charset="77"/>
              </a:rPr>
              <a:t>Aspirational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600" dirty="0">
                <a:latin typeface="Museo Sans 300" panose="02000000000000000000" pitchFamily="2" charset="77"/>
              </a:rPr>
              <a:t>lower 25% income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600" dirty="0">
                <a:latin typeface="Museo Sans 300" panose="02000000000000000000" pitchFamily="2" charset="77"/>
              </a:rPr>
              <a:t>trying to make parents proud 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600" dirty="0">
                <a:latin typeface="Museo Sans 300" panose="02000000000000000000" pitchFamily="2" charset="77"/>
              </a:rPr>
              <a:t>stable income/life 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600" dirty="0">
                <a:latin typeface="Museo Sans 300" panose="02000000000000000000" pitchFamily="2" charset="77"/>
              </a:rPr>
              <a:t>make parents proud</a:t>
            </a:r>
          </a:p>
          <a:p>
            <a:pPr>
              <a:lnSpc>
                <a:spcPct val="120000"/>
              </a:lnSpc>
              <a:buSzPct val="66000"/>
            </a:pPr>
            <a:endParaRPr lang="en-US" sz="1600" dirty="0">
              <a:latin typeface="Museo Sans 300" panose="02000000000000000000" pitchFamily="2" charset="77"/>
            </a:endParaRPr>
          </a:p>
          <a:p>
            <a:pPr marL="285750" indent="-285750">
              <a:lnSpc>
                <a:spcPct val="120000"/>
              </a:lnSpc>
              <a:buSzPct val="66000"/>
              <a:buBlip>
                <a:blip r:embed="rId3">
                  <a:extLst>
                    <a:ext uri="{96DAC541-7B7A-43D3-8B79-37D633B846F1}">
                      <asvg:svgBlip xmlns:asvg="http://schemas.microsoft.com/office/drawing/2016/SVG/main" r:embed="rId4"/>
                    </a:ext>
                  </a:extLst>
                </a:blip>
              </a:buBlip>
            </a:pPr>
            <a:endParaRPr lang="en-US" sz="1600" dirty="0">
              <a:latin typeface="Museo Sans 300" panose="02000000000000000000" pitchFamily="2" charset="77"/>
            </a:endParaRPr>
          </a:p>
          <a:p>
            <a:pPr>
              <a:lnSpc>
                <a:spcPct val="120000"/>
              </a:lnSpc>
              <a:buSzPct val="66000"/>
            </a:pPr>
            <a:endParaRPr lang="en-US" sz="1800" dirty="0">
              <a:latin typeface="Museo Sans 500" panose="02000000000000000000" pitchFamily="2" charset="77"/>
            </a:endParaRPr>
          </a:p>
          <a:p>
            <a:pPr>
              <a:lnSpc>
                <a:spcPct val="120000"/>
              </a:lnSpc>
              <a:buSzPct val="66000"/>
            </a:pPr>
            <a:endParaRPr lang="en-US" sz="1800" dirty="0">
              <a:latin typeface="Museo Sans 500" panose="02000000000000000000" pitchFamily="2" charset="77"/>
            </a:endParaRPr>
          </a:p>
          <a:p>
            <a:pPr>
              <a:lnSpc>
                <a:spcPct val="120000"/>
              </a:lnSpc>
              <a:buSzPct val="66000"/>
            </a:pPr>
            <a:endParaRPr lang="en-US" sz="1800" dirty="0">
              <a:latin typeface="Museo Sans 500" panose="02000000000000000000" pitchFamily="2" charset="77"/>
            </a:endParaRPr>
          </a:p>
          <a:p>
            <a:pPr>
              <a:lnSpc>
                <a:spcPct val="120000"/>
              </a:lnSpc>
            </a:pPr>
            <a:endParaRPr lang="en-US" sz="2000" b="1" kern="0" dirty="0">
              <a:solidFill>
                <a:schemeClr val="tx1">
                  <a:lumMod val="75000"/>
                  <a:lumOff val="25000"/>
                </a:schemeClr>
              </a:solidFill>
              <a:latin typeface="Museo Sans 500" panose="02000000000000000000" pitchFamily="2" charset="77"/>
              <a:cs typeface="Arial" panose="020B0604020202020204" pitchFamily="34" charset="0"/>
            </a:endParaRP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2295D392-49B7-124C-992F-67D37C78931A}"/>
              </a:ext>
            </a:extLst>
          </p:cNvPr>
          <p:cNvSpPr txBox="1"/>
          <p:nvPr/>
        </p:nvSpPr>
        <p:spPr>
          <a:xfrm>
            <a:off x="3862164" y="1412776"/>
            <a:ext cx="3384376" cy="16804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20000"/>
              </a:lnSpc>
              <a:buSzPct val="66000"/>
            </a:pPr>
            <a:r>
              <a:rPr lang="en-US" sz="1800" dirty="0">
                <a:solidFill>
                  <a:schemeClr val="accent2"/>
                </a:solidFill>
                <a:latin typeface="Museo Sans 500" panose="02000000000000000000" pitchFamily="2" charset="77"/>
              </a:rPr>
              <a:t>Fears:</a:t>
            </a:r>
          </a:p>
          <a:p>
            <a:pPr>
              <a:lnSpc>
                <a:spcPct val="120000"/>
              </a:lnSpc>
              <a:buSzPct val="66000"/>
            </a:pPr>
            <a:r>
              <a:rPr lang="en-US" sz="1600" dirty="0">
                <a:latin typeface="Museo Sans 300" panose="02000000000000000000" pitchFamily="2" charset="77"/>
              </a:rPr>
              <a:t>failure 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600" dirty="0">
                <a:latin typeface="Museo Sans 300" panose="02000000000000000000" pitchFamily="2" charset="77"/>
              </a:rPr>
              <a:t>dropping out of college</a:t>
            </a:r>
          </a:p>
          <a:p>
            <a:pPr marL="285750" indent="-285750">
              <a:lnSpc>
                <a:spcPct val="120000"/>
              </a:lnSpc>
              <a:buSzPct val="66000"/>
              <a:buFont typeface="Arial" panose="020B0604020202020204" pitchFamily="34" charset="0"/>
              <a:buChar char="•"/>
            </a:pPr>
            <a:r>
              <a:rPr lang="en-US" sz="1600" dirty="0">
                <a:latin typeface="Museo Sans 300" panose="02000000000000000000" pitchFamily="2" charset="77"/>
              </a:rPr>
              <a:t>not getting a job</a:t>
            </a:r>
          </a:p>
          <a:p>
            <a:endParaRPr lang="en-US" dirty="0"/>
          </a:p>
        </p:txBody>
      </p:sp>
      <p:pic>
        <p:nvPicPr>
          <p:cNvPr id="75" name="Picture 74" descr="A person holding a sign&#10;&#10;Description automatically generated">
            <a:extLst>
              <a:ext uri="{FF2B5EF4-FFF2-40B4-BE49-F238E27FC236}">
                <a16:creationId xmlns:a16="http://schemas.microsoft.com/office/drawing/2014/main" id="{77D8CFFA-7D03-EE49-A295-40DC573A9D0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86423" y="-1107504"/>
            <a:ext cx="8101655" cy="8896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036689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4104775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B32077E5-CFF5-2246-A4BA-C69AB68C1EA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09887" y="0"/>
            <a:ext cx="656905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481169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screenshot of a computer&#10;&#10;Description automatically generated">
            <a:extLst>
              <a:ext uri="{FF2B5EF4-FFF2-40B4-BE49-F238E27FC236}">
                <a16:creationId xmlns:a16="http://schemas.microsoft.com/office/drawing/2014/main" id="{25F88298-FE3B-1E4E-8261-886A4632E0DC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387424"/>
            <a:ext cx="12251096" cy="816739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72A5D3BB-3351-8646-B066-EA87091B5362}"/>
              </a:ext>
            </a:extLst>
          </p:cNvPr>
          <p:cNvSpPr txBox="1"/>
          <p:nvPr/>
        </p:nvSpPr>
        <p:spPr>
          <a:xfrm rot="18889851">
            <a:off x="3470405" y="901035"/>
            <a:ext cx="5904656" cy="15542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500" b="1" dirty="0">
                <a:solidFill>
                  <a:schemeClr val="bg1"/>
                </a:solidFill>
                <a:latin typeface="Museo Sans 700" panose="02000000000000000000" pitchFamily="2" charset="77"/>
              </a:rPr>
              <a:t>WHAT?</a:t>
            </a:r>
          </a:p>
        </p:txBody>
      </p:sp>
    </p:spTree>
    <p:extLst>
      <p:ext uri="{BB962C8B-B14F-4D97-AF65-F5344CB8AC3E}">
        <p14:creationId xmlns:p14="http://schemas.microsoft.com/office/powerpoint/2010/main" val="184145145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C83A7880-C37F-474E-898F-064726C9B41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321407"/>
            <a:ext cx="12188825" cy="75008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3316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Online Media 1" descr="CourseRegistrationBotDemo (1).mp4">
            <a:hlinkClick r:id="" action="ppaction://media"/>
            <a:extLst>
              <a:ext uri="{FF2B5EF4-FFF2-40B4-BE49-F238E27FC236}">
                <a16:creationId xmlns:a16="http://schemas.microsoft.com/office/drawing/2014/main" id="{02C89290-41A8-464A-BC71-2F20AA64D756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-1" y="183356"/>
            <a:ext cx="12188825" cy="64912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98020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7944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B89612-6C82-7A4C-B8F2-B7A0D0B700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2"/>
                </a:solidFill>
              </a:rPr>
              <a:t>Student Bot Store</a:t>
            </a:r>
          </a:p>
        </p:txBody>
      </p:sp>
      <p:pic>
        <p:nvPicPr>
          <p:cNvPr id="4" name="Picture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52DD9047-8872-6441-9D9D-30E60E93EBC5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1124744"/>
            <a:ext cx="12188825" cy="49841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021028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hand holding a cellphone&#10;&#10;Description automatically generated">
            <a:extLst>
              <a:ext uri="{FF2B5EF4-FFF2-40B4-BE49-F238E27FC236}">
                <a16:creationId xmlns:a16="http://schemas.microsoft.com/office/drawing/2014/main" id="{B66A1741-8107-A146-B255-C7824267D15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315416"/>
            <a:ext cx="12188825" cy="809672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9AC48B4-F425-F349-9EE8-C81CA0A840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Monetization</a:t>
            </a:r>
          </a:p>
        </p:txBody>
      </p:sp>
    </p:spTree>
    <p:extLst>
      <p:ext uri="{BB962C8B-B14F-4D97-AF65-F5344CB8AC3E}">
        <p14:creationId xmlns:p14="http://schemas.microsoft.com/office/powerpoint/2010/main" val="274676503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close up of a computer&#10;&#10;Description automatically generated">
            <a:extLst>
              <a:ext uri="{FF2B5EF4-FFF2-40B4-BE49-F238E27FC236}">
                <a16:creationId xmlns:a16="http://schemas.microsoft.com/office/drawing/2014/main" id="{88EB40D0-638B-FC41-BBCF-88697901880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67318" y="-690703"/>
            <a:ext cx="12359110" cy="8239406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9CB33F2-8232-BE42-91E0-CC285CFC0DDC}"/>
              </a:ext>
            </a:extLst>
          </p:cNvPr>
          <p:cNvSpPr txBox="1"/>
          <p:nvPr/>
        </p:nvSpPr>
        <p:spPr>
          <a:xfrm rot="2700000">
            <a:off x="2826885" y="1859993"/>
            <a:ext cx="5904656" cy="15542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500" b="1" dirty="0">
                <a:solidFill>
                  <a:schemeClr val="bg1"/>
                </a:solidFill>
                <a:latin typeface="Museo Sans 700" panose="02000000000000000000" pitchFamily="2" charset="77"/>
              </a:rPr>
              <a:t>HOW?</a:t>
            </a:r>
          </a:p>
        </p:txBody>
      </p:sp>
    </p:spTree>
    <p:extLst>
      <p:ext uri="{BB962C8B-B14F-4D97-AF65-F5344CB8AC3E}">
        <p14:creationId xmlns:p14="http://schemas.microsoft.com/office/powerpoint/2010/main" val="40041884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6049271073870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60492710738701"/>
</p:tagLst>
</file>

<file path=ppt/theme/theme1.xml><?xml version="1.0" encoding="utf-8"?>
<a:theme xmlns:a="http://schemas.openxmlformats.org/drawingml/2006/main" name="Office Theme">
  <a:themeElements>
    <a:clrScheme name="Custom 7">
      <a:dk1>
        <a:srgbClr val="666666"/>
      </a:dk1>
      <a:lt1>
        <a:srgbClr val="FFFFFF"/>
      </a:lt1>
      <a:dk2>
        <a:srgbClr val="FFBC03"/>
      </a:dk2>
      <a:lt2>
        <a:srgbClr val="EEECE1"/>
      </a:lt2>
      <a:accent1>
        <a:srgbClr val="EFBB3B"/>
      </a:accent1>
      <a:accent2>
        <a:srgbClr val="FF5910"/>
      </a:accent2>
      <a:accent3>
        <a:srgbClr val="FFA279"/>
      </a:accent3>
      <a:accent4>
        <a:srgbClr val="FF834C"/>
      </a:accent4>
      <a:accent5>
        <a:srgbClr val="FFCD41"/>
      </a:accent5>
      <a:accent6>
        <a:srgbClr val="FFBC03"/>
      </a:accent6>
      <a:hlink>
        <a:srgbClr val="3C414F"/>
      </a:hlink>
      <a:folHlink>
        <a:srgbClr val="797B7B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AA Exec PP template V3" id="{AC1ECBB6-B9FF-7A42-9385-DF3C0B78FB3C}" vid="{A52B0952-A8CB-214C-9EB5-D74D353F3C4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AA Exec Pitch Final</Template>
  <TotalTime>1</TotalTime>
  <Words>203</Words>
  <Application>Microsoft Office PowerPoint</Application>
  <PresentationFormat>Custom</PresentationFormat>
  <Paragraphs>60</Paragraphs>
  <Slides>20</Slides>
  <Notes>3</Notes>
  <HiddenSlides>0</HiddenSlides>
  <MMClips>1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7" baseType="lpstr">
      <vt:lpstr>Arial</vt:lpstr>
      <vt:lpstr>Calibri</vt:lpstr>
      <vt:lpstr>Museo Sans 300</vt:lpstr>
      <vt:lpstr>Museo Sans 500</vt:lpstr>
      <vt:lpstr>Museo Sans 700</vt:lpstr>
      <vt:lpstr>Open Sans</vt:lpstr>
      <vt:lpstr>Office Theme</vt:lpstr>
      <vt:lpstr>Team AA</vt:lpstr>
      <vt:lpstr>Target Persona (Student Sally)</vt:lpstr>
      <vt:lpstr>PowerPoint Presentation</vt:lpstr>
      <vt:lpstr>PowerPoint Presentation</vt:lpstr>
      <vt:lpstr>PowerPoint Presentation</vt:lpstr>
      <vt:lpstr>PowerPoint Presentation</vt:lpstr>
      <vt:lpstr>Student Bot Store</vt:lpstr>
      <vt:lpstr>Monetization</vt:lpstr>
      <vt:lpstr>PowerPoint Presentation</vt:lpstr>
      <vt:lpstr>PowerPoint Presentation</vt:lpstr>
      <vt:lpstr>BENEFITS TO COLLABORATION</vt:lpstr>
      <vt:lpstr>PowerPoint Presentation</vt:lpstr>
      <vt:lpstr>MARKETING: SOCIAL MEDIA </vt:lpstr>
      <vt:lpstr>PowerPoint Presentation</vt:lpstr>
      <vt:lpstr>PowerPoint Presentation</vt:lpstr>
      <vt:lpstr>PowerPoint Presentation</vt:lpstr>
      <vt:lpstr>IMAGINE: DISCOVER</vt:lpstr>
      <vt:lpstr>Timeline</vt:lpstr>
      <vt:lpstr>SUCCESS  METRICS</vt:lpstr>
      <vt:lpstr>PowerPoint Presentation</vt:lpstr>
    </vt:vector>
  </TitlesOfParts>
  <Company>Microsof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eam AA</dc:title>
  <dc:creator>Abhay Manu Sawhney</dc:creator>
  <cp:lastModifiedBy>Abhay Manu Sawhney</cp:lastModifiedBy>
  <cp:revision>1</cp:revision>
  <dcterms:created xsi:type="dcterms:W3CDTF">2020-10-02T22:33:49Z</dcterms:created>
  <dcterms:modified xsi:type="dcterms:W3CDTF">2020-10-02T22:35:03Z</dcterms:modified>
</cp:coreProperties>
</file>